
<file path=[Content_Types].xml><?xml version="1.0" encoding="utf-8"?>
<Types xmlns="http://schemas.openxmlformats.org/package/2006/content-types">
  <Default Extension="crdownload" ContentType="image/jpe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autoCompressPictures="0">
  <p:sldMasterIdLst>
    <p:sldMasterId id="2147483686" r:id="rId1"/>
    <p:sldMasterId id="2147483687" r:id="rId2"/>
  </p:sldMasterIdLst>
  <p:notesMasterIdLst>
    <p:notesMasterId r:id="rId11"/>
  </p:notesMasterIdLst>
  <p:sldIdLst>
    <p:sldId id="257" r:id="rId3"/>
    <p:sldId id="258" r:id="rId4"/>
    <p:sldId id="259" r:id="rId5"/>
    <p:sldId id="260" r:id="rId6"/>
    <p:sldId id="261" r:id="rId7"/>
    <p:sldId id="307" r:id="rId8"/>
    <p:sldId id="309" r:id="rId9"/>
    <p:sldId id="323" r:id="rId10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F16F13B-149B-4CF5-AA32-F14D9C5229EF}" v="1309" dt="2020-12-07T07:45:18.350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72" d="100"/>
          <a:sy n="72" d="100"/>
        </p:scale>
        <p:origin x="534" y="6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viewProps" Target="viewProps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microsoft.com/office/2015/10/relationships/revisionInfo" Target="revisionInfo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3.xml"/><Relationship Id="rId15" Type="http://schemas.openxmlformats.org/officeDocument/2006/relationships/tableStyles" Target="tableStyles.xml"/><Relationship Id="rId10" Type="http://schemas.openxmlformats.org/officeDocument/2006/relationships/slide" Target="slides/slide8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36FCC67-15C4-450E-AFD0-98AF650AE9CB}" type="doc">
      <dgm:prSet loTypeId="urn:microsoft.com/office/officeart/2005/8/layout/lProcess3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34FA45F9-0405-4AF6-9221-ED2D1E26F090}">
      <dgm:prSet phldrT="[טקסט]" custT="1"/>
      <dgm:spPr/>
      <dgm:t>
        <a:bodyPr anchor="t"/>
        <a:lstStyle/>
        <a:p>
          <a:pPr algn="ctr"/>
          <a:r>
            <a:rPr lang="he-IL" sz="1600" b="1" u="sng" dirty="0"/>
            <a:t>שלב ארגון הלמידה</a:t>
          </a:r>
        </a:p>
        <a:p>
          <a:pPr algn="ctr"/>
          <a:r>
            <a:rPr lang="he-IL" sz="1600" b="0" u="none" dirty="0"/>
            <a:t>לימוד השחקן</a:t>
          </a:r>
        </a:p>
        <a:p>
          <a:pPr algn="ctr"/>
          <a:r>
            <a:rPr lang="he-IL" sz="1600" b="0" u="none" dirty="0"/>
            <a:t> מערכת מתהווה</a:t>
          </a:r>
        </a:p>
        <a:p>
          <a:pPr algn="ctr"/>
          <a:r>
            <a:rPr lang="he-IL" sz="1600" b="0" u="none" dirty="0"/>
            <a:t>מערכת מורשת</a:t>
          </a:r>
        </a:p>
        <a:p>
          <a:pPr algn="ctr"/>
          <a:r>
            <a:rPr lang="he-IL" sz="1600" b="0" u="none" dirty="0"/>
            <a:t>זיהוי היסט</a:t>
          </a:r>
        </a:p>
      </dgm:t>
    </dgm:pt>
    <dgm:pt modelId="{001578A1-54CF-4CCD-9413-B88F5CF3AE1B}" type="parTrans" cxnId="{109491DC-EDF1-429A-93E6-DE98496342E6}">
      <dgm:prSet/>
      <dgm:spPr/>
      <dgm:t>
        <a:bodyPr/>
        <a:lstStyle/>
        <a:p>
          <a:endParaRPr lang="en-US"/>
        </a:p>
      </dgm:t>
    </dgm:pt>
    <dgm:pt modelId="{23A64E12-5C7A-472C-96AD-A7D6FB129226}" type="sibTrans" cxnId="{109491DC-EDF1-429A-93E6-DE98496342E6}">
      <dgm:prSet/>
      <dgm:spPr/>
      <dgm:t>
        <a:bodyPr/>
        <a:lstStyle/>
        <a:p>
          <a:endParaRPr lang="en-US"/>
        </a:p>
      </dgm:t>
    </dgm:pt>
    <dgm:pt modelId="{F3AD619B-7FE8-4ACF-9F4A-F9619A59EFEF}">
      <dgm:prSet phldrT="[טקסט]" custT="1"/>
      <dgm:spPr/>
      <dgm:t>
        <a:bodyPr anchor="t"/>
        <a:lstStyle/>
        <a:p>
          <a:pPr algn="ctr"/>
          <a:r>
            <a:rPr lang="he-IL" sz="1600" b="1" u="sng" dirty="0"/>
            <a:t>שלב גיבוש אסטרטגיה ותכנון מערכה</a:t>
          </a:r>
        </a:p>
        <a:p>
          <a:pPr algn="ctr"/>
          <a:r>
            <a:rPr lang="he-IL" sz="1600" b="0" u="none" dirty="0"/>
            <a:t>אסטרטגיה </a:t>
          </a:r>
        </a:p>
        <a:p>
          <a:pPr algn="ctr"/>
          <a:r>
            <a:rPr lang="he-IL" sz="1600" b="0" u="none" dirty="0"/>
            <a:t>ראשונית</a:t>
          </a:r>
        </a:p>
        <a:p>
          <a:pPr algn="ctr"/>
          <a:endParaRPr lang="en-US" sz="1400" b="0" u="none" dirty="0"/>
        </a:p>
      </dgm:t>
    </dgm:pt>
    <dgm:pt modelId="{04E6FB1B-DF83-4297-BC4F-7A084C0CCEC9}" type="parTrans" cxnId="{BBF248A2-7BCD-4A37-B30B-4CD734D3DE80}">
      <dgm:prSet/>
      <dgm:spPr/>
      <dgm:t>
        <a:bodyPr/>
        <a:lstStyle/>
        <a:p>
          <a:endParaRPr lang="en-US"/>
        </a:p>
      </dgm:t>
    </dgm:pt>
    <dgm:pt modelId="{8F3DB4B4-71D3-4590-9C90-D6368B6FDD84}" type="sibTrans" cxnId="{BBF248A2-7BCD-4A37-B30B-4CD734D3DE80}">
      <dgm:prSet/>
      <dgm:spPr/>
      <dgm:t>
        <a:bodyPr/>
        <a:lstStyle/>
        <a:p>
          <a:endParaRPr lang="en-US"/>
        </a:p>
      </dgm:t>
    </dgm:pt>
    <dgm:pt modelId="{890DF919-E961-4411-BE53-16F51F6DAE3C}">
      <dgm:prSet phldrT="[טקסט]" custT="1"/>
      <dgm:spPr/>
      <dgm:t>
        <a:bodyPr anchor="t"/>
        <a:lstStyle/>
        <a:p>
          <a:pPr>
            <a:buNone/>
          </a:pPr>
          <a:r>
            <a:rPr lang="he-IL" sz="1600" b="1" u="sng" dirty="0"/>
            <a:t>שלב הסימולציה</a:t>
          </a:r>
        </a:p>
        <a:p>
          <a:pPr rtl="1">
            <a:buFont typeface="Arial" panose="020B0604020202020204" pitchFamily="34" charset="0"/>
            <a:buChar char="•"/>
          </a:pPr>
          <a:r>
            <a:rPr lang="he-IL" sz="1600" b="0" u="none" dirty="0"/>
            <a:t>עדכנים</a:t>
          </a:r>
        </a:p>
        <a:p>
          <a:pPr rtl="1">
            <a:buFont typeface="Arial" panose="020B0604020202020204" pitchFamily="34" charset="0"/>
            <a:buChar char="•"/>
          </a:pPr>
          <a:r>
            <a:rPr lang="he-IL" sz="1600" b="0" u="none" dirty="0"/>
            <a:t>היסט</a:t>
          </a:r>
        </a:p>
        <a:p>
          <a:pPr rtl="1">
            <a:buFont typeface="Arial" panose="020B0604020202020204" pitchFamily="34" charset="0"/>
            <a:buChar char="•"/>
          </a:pPr>
          <a:r>
            <a:rPr lang="he-IL" sz="1600" b="0" u="none" dirty="0"/>
            <a:t>אסטרטגיה</a:t>
          </a:r>
        </a:p>
      </dgm:t>
    </dgm:pt>
    <dgm:pt modelId="{89E53781-EEFC-4C08-870A-AEE3E1F33428}" type="parTrans" cxnId="{CAC63229-7F5E-483E-9435-35FE0B8B92FC}">
      <dgm:prSet/>
      <dgm:spPr/>
      <dgm:t>
        <a:bodyPr/>
        <a:lstStyle/>
        <a:p>
          <a:endParaRPr lang="en-US"/>
        </a:p>
      </dgm:t>
    </dgm:pt>
    <dgm:pt modelId="{CB3084CA-FD14-4EB8-B503-649B6F56F109}" type="sibTrans" cxnId="{CAC63229-7F5E-483E-9435-35FE0B8B92FC}">
      <dgm:prSet/>
      <dgm:spPr/>
      <dgm:t>
        <a:bodyPr/>
        <a:lstStyle/>
        <a:p>
          <a:endParaRPr lang="en-US"/>
        </a:p>
      </dgm:t>
    </dgm:pt>
    <dgm:pt modelId="{38F602BC-E5E2-4834-A528-B6BC768CED15}">
      <dgm:prSet phldrT="[טקסט]" custT="1"/>
      <dgm:spPr/>
      <dgm:t>
        <a:bodyPr anchor="t"/>
        <a:lstStyle/>
        <a:p>
          <a:r>
            <a:rPr lang="he-IL" sz="1600" b="0" u="none" dirty="0"/>
            <a:t> </a:t>
          </a:r>
          <a:r>
            <a:rPr lang="he-IL" sz="1600" b="1" u="sng" dirty="0"/>
            <a:t>שלב הרמת מסך</a:t>
          </a:r>
        </a:p>
        <a:p>
          <a:r>
            <a:rPr lang="he-IL" sz="1600" b="0" u="none" dirty="0"/>
            <a:t>חשיפת האסטרטגיות המתחרות</a:t>
          </a:r>
          <a:endParaRPr lang="en-US" sz="1600" b="0" u="none" dirty="0"/>
        </a:p>
      </dgm:t>
    </dgm:pt>
    <dgm:pt modelId="{6441ECD3-0C6D-4AB4-9DB2-5A6FA906946D}" type="parTrans" cxnId="{C1930228-3A8D-43BC-B6D0-CC42613C6360}">
      <dgm:prSet/>
      <dgm:spPr/>
      <dgm:t>
        <a:bodyPr/>
        <a:lstStyle/>
        <a:p>
          <a:endParaRPr lang="en-US"/>
        </a:p>
      </dgm:t>
    </dgm:pt>
    <dgm:pt modelId="{257EC517-0CA5-4D1B-8364-5D4D18C765C9}" type="sibTrans" cxnId="{C1930228-3A8D-43BC-B6D0-CC42613C6360}">
      <dgm:prSet/>
      <dgm:spPr/>
      <dgm:t>
        <a:bodyPr/>
        <a:lstStyle/>
        <a:p>
          <a:endParaRPr lang="en-US"/>
        </a:p>
      </dgm:t>
    </dgm:pt>
    <dgm:pt modelId="{1072BCE2-7C47-43E3-92DE-474F2ACDAB20}" type="pres">
      <dgm:prSet presAssocID="{436FCC67-15C4-450E-AFD0-98AF650AE9CB}" presName="Name0" presStyleCnt="0">
        <dgm:presLayoutVars>
          <dgm:chPref val="3"/>
          <dgm:dir/>
          <dgm:animLvl val="lvl"/>
          <dgm:resizeHandles/>
        </dgm:presLayoutVars>
      </dgm:prSet>
      <dgm:spPr/>
    </dgm:pt>
    <dgm:pt modelId="{B7E8CB52-6450-4DFC-AA8C-A52F1CE5B0EB}" type="pres">
      <dgm:prSet presAssocID="{34FA45F9-0405-4AF6-9221-ED2D1E26F090}" presName="horFlow" presStyleCnt="0"/>
      <dgm:spPr/>
    </dgm:pt>
    <dgm:pt modelId="{643C57E6-D900-425E-AA00-F04D83AD529F}" type="pres">
      <dgm:prSet presAssocID="{34FA45F9-0405-4AF6-9221-ED2D1E26F090}" presName="bigChev" presStyleLbl="node1" presStyleIdx="0" presStyleCnt="2" custScaleX="35176" custScaleY="38380" custLinFactNeighborX="-92686" custLinFactNeighborY="-2570"/>
      <dgm:spPr/>
    </dgm:pt>
    <dgm:pt modelId="{1159BC91-9861-4453-894C-04BB1C5C58F9}" type="pres">
      <dgm:prSet presAssocID="{04E6FB1B-DF83-4297-BC4F-7A084C0CCEC9}" presName="parTrans" presStyleCnt="0"/>
      <dgm:spPr/>
    </dgm:pt>
    <dgm:pt modelId="{FBCDF05E-3288-4AE5-9E25-03B36AF69926}" type="pres">
      <dgm:prSet presAssocID="{F3AD619B-7FE8-4ACF-9F4A-F9619A59EFEF}" presName="node" presStyleLbl="alignAccFollowNode1" presStyleIdx="0" presStyleCnt="2" custScaleX="33093" custScaleY="45908" custLinFactNeighborX="-49113" custLinFactNeighborY="-3263">
        <dgm:presLayoutVars>
          <dgm:bulletEnabled val="1"/>
        </dgm:presLayoutVars>
      </dgm:prSet>
      <dgm:spPr/>
    </dgm:pt>
    <dgm:pt modelId="{E299350D-77A4-444A-A9AB-7341A2B96A5E}" type="pres">
      <dgm:prSet presAssocID="{8F3DB4B4-71D3-4590-9C90-D6368B6FDD84}" presName="sibTrans" presStyleCnt="0"/>
      <dgm:spPr/>
    </dgm:pt>
    <dgm:pt modelId="{DDB74CAC-6E26-45A0-9656-F23CDD57BC79}" type="pres">
      <dgm:prSet presAssocID="{890DF919-E961-4411-BE53-16F51F6DAE3C}" presName="node" presStyleLbl="alignAccFollowNode1" presStyleIdx="1" presStyleCnt="2" custScaleX="33774" custScaleY="48391" custLinFactNeighborX="-2851" custLinFactNeighborY="-2955">
        <dgm:presLayoutVars>
          <dgm:bulletEnabled val="1"/>
        </dgm:presLayoutVars>
      </dgm:prSet>
      <dgm:spPr/>
    </dgm:pt>
    <dgm:pt modelId="{9B06F516-9B23-49DC-B238-5C84A064CEC9}" type="pres">
      <dgm:prSet presAssocID="{34FA45F9-0405-4AF6-9221-ED2D1E26F090}" presName="vSp" presStyleCnt="0"/>
      <dgm:spPr/>
    </dgm:pt>
    <dgm:pt modelId="{E167E81B-0922-4F9A-A2A5-A2FAECE0128F}" type="pres">
      <dgm:prSet presAssocID="{38F602BC-E5E2-4834-A528-B6BC768CED15}" presName="horFlow" presStyleCnt="0"/>
      <dgm:spPr/>
    </dgm:pt>
    <dgm:pt modelId="{C9301C68-11B6-4C3B-BF16-D5F4D29FDD5E}" type="pres">
      <dgm:prSet presAssocID="{38F602BC-E5E2-4834-A528-B6BC768CED15}" presName="bigChev" presStyleLbl="node1" presStyleIdx="1" presStyleCnt="2" custScaleX="27706" custScaleY="39029" custLinFactNeighborX="53921" custLinFactNeighborY="-55001"/>
      <dgm:spPr/>
    </dgm:pt>
  </dgm:ptLst>
  <dgm:cxnLst>
    <dgm:cxn modelId="{88D7AE19-3569-43BF-A599-C8D134F91A47}" type="presOf" srcId="{890DF919-E961-4411-BE53-16F51F6DAE3C}" destId="{DDB74CAC-6E26-45A0-9656-F23CDD57BC79}" srcOrd="0" destOrd="0" presId="urn:microsoft.com/office/officeart/2005/8/layout/lProcess3"/>
    <dgm:cxn modelId="{C1930228-3A8D-43BC-B6D0-CC42613C6360}" srcId="{436FCC67-15C4-450E-AFD0-98AF650AE9CB}" destId="{38F602BC-E5E2-4834-A528-B6BC768CED15}" srcOrd="1" destOrd="0" parTransId="{6441ECD3-0C6D-4AB4-9DB2-5A6FA906946D}" sibTransId="{257EC517-0CA5-4D1B-8364-5D4D18C765C9}"/>
    <dgm:cxn modelId="{CAC63229-7F5E-483E-9435-35FE0B8B92FC}" srcId="{34FA45F9-0405-4AF6-9221-ED2D1E26F090}" destId="{890DF919-E961-4411-BE53-16F51F6DAE3C}" srcOrd="1" destOrd="0" parTransId="{89E53781-EEFC-4C08-870A-AEE3E1F33428}" sibTransId="{CB3084CA-FD14-4EB8-B503-649B6F56F109}"/>
    <dgm:cxn modelId="{568D9936-86D9-4E89-A8FB-DD397A2D15BC}" type="presOf" srcId="{38F602BC-E5E2-4834-A528-B6BC768CED15}" destId="{C9301C68-11B6-4C3B-BF16-D5F4D29FDD5E}" srcOrd="0" destOrd="0" presId="urn:microsoft.com/office/officeart/2005/8/layout/lProcess3"/>
    <dgm:cxn modelId="{EC342155-3F76-4EFB-9933-19D690346359}" type="presOf" srcId="{F3AD619B-7FE8-4ACF-9F4A-F9619A59EFEF}" destId="{FBCDF05E-3288-4AE5-9E25-03B36AF69926}" srcOrd="0" destOrd="0" presId="urn:microsoft.com/office/officeart/2005/8/layout/lProcess3"/>
    <dgm:cxn modelId="{BBF248A2-7BCD-4A37-B30B-4CD734D3DE80}" srcId="{34FA45F9-0405-4AF6-9221-ED2D1E26F090}" destId="{F3AD619B-7FE8-4ACF-9F4A-F9619A59EFEF}" srcOrd="0" destOrd="0" parTransId="{04E6FB1B-DF83-4297-BC4F-7A084C0CCEC9}" sibTransId="{8F3DB4B4-71D3-4590-9C90-D6368B6FDD84}"/>
    <dgm:cxn modelId="{18B969CD-4855-412B-BC90-FD6C6DC3C03B}" type="presOf" srcId="{436FCC67-15C4-450E-AFD0-98AF650AE9CB}" destId="{1072BCE2-7C47-43E3-92DE-474F2ACDAB20}" srcOrd="0" destOrd="0" presId="urn:microsoft.com/office/officeart/2005/8/layout/lProcess3"/>
    <dgm:cxn modelId="{A5F3A1DA-4EB4-4C56-A6D2-1DDBF3968378}" type="presOf" srcId="{34FA45F9-0405-4AF6-9221-ED2D1E26F090}" destId="{643C57E6-D900-425E-AA00-F04D83AD529F}" srcOrd="0" destOrd="0" presId="urn:microsoft.com/office/officeart/2005/8/layout/lProcess3"/>
    <dgm:cxn modelId="{109491DC-EDF1-429A-93E6-DE98496342E6}" srcId="{436FCC67-15C4-450E-AFD0-98AF650AE9CB}" destId="{34FA45F9-0405-4AF6-9221-ED2D1E26F090}" srcOrd="0" destOrd="0" parTransId="{001578A1-54CF-4CCD-9413-B88F5CF3AE1B}" sibTransId="{23A64E12-5C7A-472C-96AD-A7D6FB129226}"/>
    <dgm:cxn modelId="{BDE3DC09-35A5-49CF-A02A-C2194A9EB480}" type="presParOf" srcId="{1072BCE2-7C47-43E3-92DE-474F2ACDAB20}" destId="{B7E8CB52-6450-4DFC-AA8C-A52F1CE5B0EB}" srcOrd="0" destOrd="0" presId="urn:microsoft.com/office/officeart/2005/8/layout/lProcess3"/>
    <dgm:cxn modelId="{8846021B-5319-4592-A208-0C9B03A3CE70}" type="presParOf" srcId="{B7E8CB52-6450-4DFC-AA8C-A52F1CE5B0EB}" destId="{643C57E6-D900-425E-AA00-F04D83AD529F}" srcOrd="0" destOrd="0" presId="urn:microsoft.com/office/officeart/2005/8/layout/lProcess3"/>
    <dgm:cxn modelId="{C4DF5B49-BE27-497C-BBDA-EA9E714C54F7}" type="presParOf" srcId="{B7E8CB52-6450-4DFC-AA8C-A52F1CE5B0EB}" destId="{1159BC91-9861-4453-894C-04BB1C5C58F9}" srcOrd="1" destOrd="0" presId="urn:microsoft.com/office/officeart/2005/8/layout/lProcess3"/>
    <dgm:cxn modelId="{D8940B1B-73BE-4521-9D53-0705FACEAFAF}" type="presParOf" srcId="{B7E8CB52-6450-4DFC-AA8C-A52F1CE5B0EB}" destId="{FBCDF05E-3288-4AE5-9E25-03B36AF69926}" srcOrd="2" destOrd="0" presId="urn:microsoft.com/office/officeart/2005/8/layout/lProcess3"/>
    <dgm:cxn modelId="{87AC81A2-0559-4733-9D04-75257A9D5A73}" type="presParOf" srcId="{B7E8CB52-6450-4DFC-AA8C-A52F1CE5B0EB}" destId="{E299350D-77A4-444A-A9AB-7341A2B96A5E}" srcOrd="3" destOrd="0" presId="urn:microsoft.com/office/officeart/2005/8/layout/lProcess3"/>
    <dgm:cxn modelId="{DCB82ABF-795C-422E-BBA7-966CDA06CBAC}" type="presParOf" srcId="{B7E8CB52-6450-4DFC-AA8C-A52F1CE5B0EB}" destId="{DDB74CAC-6E26-45A0-9656-F23CDD57BC79}" srcOrd="4" destOrd="0" presId="urn:microsoft.com/office/officeart/2005/8/layout/lProcess3"/>
    <dgm:cxn modelId="{058B4C51-1F0A-45BB-A491-2615EB0924B9}" type="presParOf" srcId="{1072BCE2-7C47-43E3-92DE-474F2ACDAB20}" destId="{9B06F516-9B23-49DC-B238-5C84A064CEC9}" srcOrd="1" destOrd="0" presId="urn:microsoft.com/office/officeart/2005/8/layout/lProcess3"/>
    <dgm:cxn modelId="{ED0F55D2-06B6-455C-83CE-F7805631FFBE}" type="presParOf" srcId="{1072BCE2-7C47-43E3-92DE-474F2ACDAB20}" destId="{E167E81B-0922-4F9A-A2A5-A2FAECE0128F}" srcOrd="2" destOrd="0" presId="urn:microsoft.com/office/officeart/2005/8/layout/lProcess3"/>
    <dgm:cxn modelId="{1EF005B3-2942-4D8C-9F9B-D14000BF183B}" type="presParOf" srcId="{E167E81B-0922-4F9A-A2A5-A2FAECE0128F}" destId="{C9301C68-11B6-4C3B-BF16-D5F4D29FDD5E}" srcOrd="0" destOrd="0" presId="urn:microsoft.com/office/officeart/2005/8/layout/lProcess3"/>
  </dgm:cxnLst>
  <dgm:bg/>
  <dgm:whole/>
  <dgm:extLst>
    <a:ext uri="http://schemas.microsoft.com/office/drawing/2008/diagram">
      <dsp:dataModelExt xmlns:dsp="http://schemas.microsoft.com/office/drawing/2008/diagram" relId="rId48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43C57E6-D900-425E-AA00-F04D83AD529F}">
      <dsp:nvSpPr>
        <dsp:cNvPr id="0" name=""/>
        <dsp:cNvSpPr/>
      </dsp:nvSpPr>
      <dsp:spPr>
        <a:xfrm>
          <a:off x="472304" y="0"/>
          <a:ext cx="3341540" cy="1458361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he-IL" sz="1600" b="1" u="sng" kern="1200" dirty="0"/>
            <a:t>שלב ארגון הלמידה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he-IL" sz="1600" b="0" u="none" kern="1200" dirty="0"/>
            <a:t>לימוד השחקן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he-IL" sz="1600" b="0" u="none" kern="1200" dirty="0"/>
            <a:t> מערכת מתהווה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he-IL" sz="1600" b="0" u="none" kern="1200" dirty="0"/>
            <a:t>מערכת מורשת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he-IL" sz="1600" b="0" u="none" kern="1200" dirty="0"/>
            <a:t>זיהוי היסט</a:t>
          </a:r>
        </a:p>
      </dsp:txBody>
      <dsp:txXfrm>
        <a:off x="1201485" y="0"/>
        <a:ext cx="1883179" cy="1458361"/>
      </dsp:txXfrm>
    </dsp:sp>
    <dsp:sp modelId="{FBCDF05E-3288-4AE5-9E25-03B36AF69926}">
      <dsp:nvSpPr>
        <dsp:cNvPr id="0" name=""/>
        <dsp:cNvSpPr/>
      </dsp:nvSpPr>
      <dsp:spPr>
        <a:xfrm>
          <a:off x="3181392" y="0"/>
          <a:ext cx="2609242" cy="1447860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he-IL" sz="1600" b="1" u="sng" kern="1200" dirty="0"/>
            <a:t>שלב גיבוש אסטרטגיה ותכנון מערכה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he-IL" sz="1600" b="0" u="none" kern="1200" dirty="0"/>
            <a:t>אסטרטגיה 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he-IL" sz="1600" b="0" u="none" kern="1200" dirty="0"/>
            <a:t>ראשונית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400" b="0" u="none" kern="1200" dirty="0"/>
        </a:p>
      </dsp:txBody>
      <dsp:txXfrm>
        <a:off x="3905322" y="0"/>
        <a:ext cx="1161382" cy="1447860"/>
      </dsp:txXfrm>
    </dsp:sp>
    <dsp:sp modelId="{DDB74CAC-6E26-45A0-9656-F23CDD57BC79}">
      <dsp:nvSpPr>
        <dsp:cNvPr id="0" name=""/>
        <dsp:cNvSpPr/>
      </dsp:nvSpPr>
      <dsp:spPr>
        <a:xfrm>
          <a:off x="5197453" y="0"/>
          <a:ext cx="2662936" cy="1526170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he-IL" sz="1600" b="1" u="sng" kern="1200" dirty="0"/>
            <a:t>שלב הסימולציה</a:t>
          </a:r>
        </a:p>
        <a:p>
          <a:pPr marL="0" lvl="0" indent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he-IL" sz="1600" b="0" u="none" kern="1200" dirty="0"/>
            <a:t>עדכנים</a:t>
          </a:r>
        </a:p>
        <a:p>
          <a:pPr marL="0" lvl="0" indent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he-IL" sz="1600" b="0" u="none" kern="1200" dirty="0"/>
            <a:t>היסט</a:t>
          </a:r>
        </a:p>
        <a:p>
          <a:pPr marL="0" lvl="0" indent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he-IL" sz="1600" b="0" u="none" kern="1200" dirty="0"/>
            <a:t>אסטרטגיה</a:t>
          </a:r>
        </a:p>
      </dsp:txBody>
      <dsp:txXfrm>
        <a:off x="5960538" y="0"/>
        <a:ext cx="1136766" cy="1526170"/>
      </dsp:txXfrm>
    </dsp:sp>
    <dsp:sp modelId="{C9301C68-11B6-4C3B-BF16-D5F4D29FDD5E}">
      <dsp:nvSpPr>
        <dsp:cNvPr id="0" name=""/>
        <dsp:cNvSpPr/>
      </dsp:nvSpPr>
      <dsp:spPr>
        <a:xfrm>
          <a:off x="6739134" y="29891"/>
          <a:ext cx="2631928" cy="1483022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he-IL" sz="1600" b="0" u="none" kern="1200" dirty="0"/>
            <a:t> </a:t>
          </a:r>
          <a:r>
            <a:rPr lang="he-IL" sz="1600" b="1" u="sng" kern="1200" dirty="0"/>
            <a:t>שלב הרמת מסך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he-IL" sz="1600" b="0" u="none" kern="1200" dirty="0"/>
            <a:t>חשיפת האסטרטגיות המתחרות</a:t>
          </a:r>
          <a:endParaRPr lang="en-US" sz="1600" b="0" u="none" kern="1200" dirty="0"/>
        </a:p>
      </dsp:txBody>
      <dsp:txXfrm>
        <a:off x="7480645" y="29891"/>
        <a:ext cx="1148906" cy="1483022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Process3">
  <dgm:title val=""/>
  <dgm:desc val=""/>
  <dgm:catLst>
    <dgm:cat type="process" pri="11000"/>
    <dgm:cat type="convert" pri="1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1" destId="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51" srcId="1" destId="11" srcOrd="0" destOrd="0"/>
        <dgm:cxn modelId="61" srcId="2" destId="21" srcOrd="0" destOrd="0"/>
        <dgm:cxn modelId="71" srcId="3" destId="31" srcOrd="0" destOrd="0"/>
        <dgm:cxn modelId="81" srcId="4" destId="41" srcOrd="0" destOrd="0"/>
      </dgm:cxnLst>
      <dgm:bg/>
      <dgm:whole/>
    </dgm:dataModel>
  </dgm:clrData>
  <dgm:layoutNode name="Name0">
    <dgm:varLst>
      <dgm:chPref val="3"/>
      <dgm:dir/>
      <dgm:animLvl val="lvl"/>
      <dgm:resizeHandles/>
    </dgm:varLst>
    <dgm:choose name="Name1">
      <dgm:if name="Name2" func="var" arg="dir" op="equ" val="norm">
        <dgm:alg type="lin">
          <dgm:param type="linDir" val="fromT"/>
          <dgm:param type="vertAlign" val="mid"/>
          <dgm:param type="nodeHorzAlign" val="l"/>
          <dgm:param type="nodeVertAlign" val="t"/>
          <dgm:param type="fallback" val="2D"/>
        </dgm:alg>
      </dgm:if>
      <dgm:else name="Name3">
        <dgm:alg type="lin">
          <dgm:param type="linDir" val="fromT"/>
          <dgm:param type="vertAlign" val="mid"/>
          <dgm:param type="nodeHorzAlign" val="r"/>
          <dgm:param type="nodeVertAlign" val="t"/>
          <dgm:param type="fallback" val="2D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bigChev" refType="w"/>
      <dgm:constr type="h" for="des" forName="bigChev" refType="w" refFor="des" refForName="bigChev" op="equ" fact="0.4"/>
      <dgm:constr type="w" for="des" forName="node" refType="w" refFor="des" refForName="bigChev" fact="0.83"/>
      <dgm:constr type="h" for="des" forName="node" refType="w" refFor="des" refForName="node" op="equ" fact="0.4"/>
      <dgm:constr type="w" for="des" forName="parTrans" refType="w" refFor="des" refForName="bigChev" op="equ" fact="-0.13"/>
      <dgm:constr type="w" for="des" forName="sibTrans" refType="w" refFor="des" refForName="node" op="equ" fact="-0.14"/>
      <dgm:constr type="h" for="ch" forName="vSp" refType="h" refFor="des" refForName="bigChev" op="equ" fact="0.14"/>
      <dgm:constr type="primFontSz" for="des" forName="node" op="equ"/>
      <dgm:constr type="primFontSz" for="des" forName="bigChev" op="equ"/>
    </dgm:constrLst>
    <dgm:ruleLst/>
    <dgm:forEach name="Name4" axis="ch" ptType="node">
      <dgm:layoutNode name="horFlow">
        <dgm:choose name="Name5">
          <dgm:if name="Name6" func="var" arg="dir" op="equ" val="norm">
            <dgm:alg type="lin">
              <dgm:param type="linDir" val="fromL"/>
              <dgm:param type="nodeHorzAlign" val="l"/>
              <dgm:param type="nodeVertAlign" val="mid"/>
              <dgm:param type="fallback" val="2D"/>
            </dgm:alg>
          </dgm:if>
          <dgm:else name="Name7">
            <dgm:alg type="lin">
              <dgm:param type="linDir" val="fromR"/>
              <dgm:param type="nodeHorzAlign" val="r"/>
              <dgm:param type="nodeVertAlign" val="mid"/>
              <dgm:param type="fallback" val="2D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bigChev" styleLbl="node1">
          <dgm:alg type="tx"/>
          <dgm:choose name="Name8">
            <dgm:if name="Name9" func="var" arg="dir" op="equ" val="norm">
              <dgm:shape xmlns:r="http://schemas.openxmlformats.org/officeDocument/2006/relationships" type="chevron" r:blip="">
                <dgm:adjLst/>
              </dgm:shape>
              <dgm:presOf axis="self"/>
              <dgm:constrLst>
                <dgm:constr type="primFontSz" val="65"/>
                <dgm:constr type="rMarg"/>
                <dgm:constr type="lMarg" refType="primFontSz" fact="0.1"/>
                <dgm:constr type="tMarg" refType="primFontSz" fact="0.05"/>
                <dgm:constr type="bMarg" refType="primFontSz" fact="0.05"/>
              </dgm:constrLst>
            </dgm:if>
            <dgm:else name="Name10">
              <dgm:shape xmlns:r="http://schemas.openxmlformats.org/officeDocument/2006/relationships" rot="180" type="chevron" r:blip="">
                <dgm:adjLst/>
              </dgm:shape>
              <dgm:presOf axis="self"/>
              <dgm:constrLst>
                <dgm:constr type="primFontSz" val="65"/>
                <dgm:constr type="lMarg"/>
                <dgm:constr type="rMarg" refType="primFontSz" fact="0.1"/>
                <dgm:constr type="tMarg" refType="primFontSz" fact="0.05"/>
                <dgm:constr type="bMarg" refType="primFontSz" fact="0.05"/>
              </dgm:constrLst>
            </dgm:else>
          </dgm:choose>
          <dgm:ruleLst>
            <dgm:rule type="primFontSz" val="5" fact="NaN" max="NaN"/>
          </dgm:ruleLst>
        </dgm:layoutNode>
        <dgm:forEach name="parTransForEach" axis="ch" ptType="parTrans" cnt="1">
          <dgm:layoutNode name="par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  <dgm:forEach name="Name11" axis="ch" ptType="node">
          <dgm:layoutNode name="node" styleLbl="alignAccFollowNode1">
            <dgm:varLst>
              <dgm:bulletEnabled val="1"/>
            </dgm:varLst>
            <dgm:alg type="tx"/>
            <dgm:choose name="Name12">
              <dgm:if name="Name13" func="var" arg="dir" op="equ" val="norm">
                <dgm:shape xmlns:r="http://schemas.openxmlformats.org/officeDocument/2006/relationships" type="chevron" r:blip="">
                  <dgm:adjLst/>
                </dgm:shape>
                <dgm:presOf axis="desOrSelf" ptType="node"/>
                <dgm:constrLst>
                  <dgm:constr type="primFontSz" val="65"/>
                  <dgm:constr type="rMarg"/>
                  <dgm:constr type="lMarg" refType="primFontSz" fact="0.1"/>
                  <dgm:constr type="tMarg" refType="primFontSz" fact="0.05"/>
                  <dgm:constr type="bMarg" refType="primFontSz" fact="0.05"/>
                </dgm:constrLst>
              </dgm:if>
              <dgm:else name="Name14">
                <dgm:shape xmlns:r="http://schemas.openxmlformats.org/officeDocument/2006/relationships" rot="180" type="chevron" r:blip="">
                  <dgm:adjLst/>
                </dgm:shape>
                <dgm:presOf axis="desOrSelf" ptType="node"/>
                <dgm:constrLst>
                  <dgm:constr type="primFontSz" val="65"/>
                  <dgm:constr type="lMarg"/>
                  <dgm:constr type="rMarg" refType="primFontSz" fact="0.1"/>
                  <dgm:constr type="tMarg" refType="primFontSz" fact="0.05"/>
                  <dgm:constr type="bMarg" refType="primFontSz" fact="0.05"/>
                </dgm:constrLst>
              </dgm:else>
            </dgm:choose>
            <dgm:ruleLst>
              <dgm:rule type="primFontSz" val="5" fact="NaN" max="NaN"/>
            </dgm:ruleLst>
          </dgm:layoutNode>
          <dgm:forEach name="sibTransForEach" axis="followSib" ptType="sibTrans" cnt="1">
            <dgm:layoutNode name="sibTrans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layoutNode>
      <dgm:choose name="Name15">
        <dgm:if name="Name16" axis="self" ptType="node" func="revPos" op="gte" val="2">
          <dgm:layoutNode name="vSp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17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endParaRPr lang="he-IL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fld id="{1688B8D7-2B71-4454-8254-4769F85D1E6B}" type="datetimeFigureOut">
              <a:rPr lang="he-IL" smtClean="0"/>
              <a:t>כ"א/כסלו/תשפ"א</a:t>
            </a:fld>
            <a:endParaRPr lang="he-IL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he-IL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e-IL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endParaRPr lang="he-IL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fld id="{6C7E8AD0-84F2-4D39-999D-A8CBD32EA60F}" type="slidenum">
              <a:rPr lang="he-IL" smtClean="0"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343184449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מונת שקופית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מציין מיקום של הערות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l" defTabSz="914400" rtl="1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97BE6E9-4283-4C48-B4B0-B776D321750F}" type="slidenum">
              <a:rPr kumimoji="0" lang="he-IL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pPr marL="0" marR="0" lvl="0" indent="0" algn="l" defTabSz="914400" rtl="1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he-IL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8318396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09A1C012-8297-4361-ACE8-A2509FB18911}"/>
              </a:ext>
            </a:extLst>
          </p:cNvPr>
          <p:cNvSpPr/>
          <p:nvPr/>
        </p:nvSpPr>
        <p:spPr>
          <a:xfrm>
            <a:off x="0" y="4206240"/>
            <a:ext cx="12192000" cy="265176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4EC2572-8518-46FF-8F60-FE2963DF4A6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60120" y="640080"/>
            <a:ext cx="10268712" cy="3227832"/>
          </a:xfrm>
        </p:spPr>
        <p:txBody>
          <a:bodyPr anchor="b">
            <a:normAutofit/>
          </a:bodyPr>
          <a:lstStyle>
            <a:lvl1pPr algn="ctr">
              <a:defRPr sz="8800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7A0C76A-7715-48A4-8CF5-14BBF61962A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960120" y="4526280"/>
            <a:ext cx="10268712" cy="1508760"/>
          </a:xfrm>
        </p:spPr>
        <p:txBody>
          <a:bodyPr>
            <a:normAutofit/>
          </a:bodyPr>
          <a:lstStyle>
            <a:lvl1pPr marL="0" indent="0" algn="ctr">
              <a:buNone/>
              <a:defRPr sz="3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11" name="Date Placeholder 10">
            <a:extLst>
              <a:ext uri="{FF2B5EF4-FFF2-40B4-BE49-F238E27FC236}">
                <a16:creationId xmlns:a16="http://schemas.microsoft.com/office/drawing/2014/main" id="{52D4EF84-F7DF-49C5-9285-301284ADB9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fld id="{A37D6D71-8B28-4ED6-B932-04B197003D23}" type="datetimeFigureOut">
              <a:rPr lang="en-US" smtClean="0"/>
              <a:pPr algn="r"/>
              <a:t>12/7/2020</a:t>
            </a:fld>
            <a:endParaRPr lang="en-US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81266E04-79AF-49EF-86BC-DB29D304BB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90DF5B53-9A9A-46CE-A910-25ADA58753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l"/>
            <a:fld id="{F97E8200-1950-409B-82E7-99938E7AE355}" type="slidenum">
              <a:rPr lang="en-US" smtClean="0"/>
              <a:pPr algn="l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125892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6327B9-64C6-4AFE-8E67-F60CD17A80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692656D-F600-4D76-8A0F-BDBE78759BD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6A13412-4939-4879-B91F-BB5B029B6C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algn="r"/>
            <a:fld id="{A37D6D71-8B28-4ED6-B932-04B197003D23}" type="datetimeFigureOut">
              <a:rPr lang="en-US" smtClean="0"/>
              <a:pPr algn="r"/>
              <a:t>12/7/2020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5237DB9-DE7D-4687-82D7-612600F06C3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C819356-0444-4C23-82D3-E2FDE28D3D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l"/>
            <a:fld id="{F97E8200-1950-409B-82E7-99938E7AE355}" type="slidenum">
              <a:rPr lang="en-US" smtClean="0"/>
              <a:pPr algn="l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14031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8EB51B7C-D548-4AB7-90A4-C196105E6D56}"/>
              </a:ext>
            </a:extLst>
          </p:cNvPr>
          <p:cNvSpPr/>
          <p:nvPr/>
        </p:nvSpPr>
        <p:spPr>
          <a:xfrm>
            <a:off x="7108274" y="0"/>
            <a:ext cx="5083725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Vertical Title 1">
            <a:extLst>
              <a:ext uri="{FF2B5EF4-FFF2-40B4-BE49-F238E27FC236}">
                <a16:creationId xmlns:a16="http://schemas.microsoft.com/office/drawing/2014/main" id="{32DC521B-8B54-4843-9FF4-B2C30FA0043F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7751740" y="643467"/>
            <a:ext cx="3477092" cy="5533495"/>
          </a:xfrm>
        </p:spPr>
        <p:txBody>
          <a:bodyPr vert="eaVert" tIns="91440" bIns="91440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10E3F10-9E27-41E6-A965-4243E37BE3D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960120" y="643467"/>
            <a:ext cx="5504687" cy="5533496"/>
          </a:xfrm>
        </p:spPr>
        <p:txBody>
          <a:bodyPr vert="eaVert" tIns="91440" bIns="9144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341D62D-51A0-4AD7-8027-BF548FB6AAF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7617898" y="6356350"/>
            <a:ext cx="252279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fld id="{A37D6D71-8B28-4ED6-B932-04B197003D23}" type="datetimeFigureOut">
              <a:rPr lang="en-US" smtClean="0"/>
              <a:pPr algn="r"/>
              <a:t>12/7/2020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5857492-A701-44A1-B1D5-7B2C8CD065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ED2E8AE-F1AA-4D19-A434-102501D3B4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l"/>
            <a:fld id="{F97E8200-1950-409B-82E7-99938E7AE355}" type="slidenum">
              <a:rPr lang="en-US" smtClean="0"/>
              <a:pPr algn="l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704700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שקופית כותרת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</p:spPr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he-IL"/>
              <a:t>לחץ כדי לערוך סגנון כותרת משנה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88AB74-BF8E-4229-9108-A05EE6C3F0CB}" type="datetime8">
              <a:rPr lang="he-IL" smtClean="0"/>
              <a:t>07 דצמבר 20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8992330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כותרת ותוכ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892C3C-F13D-4520-A776-342BB3AA50A6}" type="datetime8">
              <a:rPr lang="he-IL" smtClean="0"/>
              <a:t>07 דצמבר 20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24214560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כותרת מקטע עליונ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963084" y="4406901"/>
            <a:ext cx="10363200" cy="1362075"/>
          </a:xfrm>
        </p:spPr>
        <p:txBody>
          <a:bodyPr anchor="t"/>
          <a:lstStyle>
            <a:lvl1pPr algn="r">
              <a:defRPr sz="4000" b="1" cap="all"/>
            </a:lvl1pPr>
          </a:lstStyle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3963E9-F6F3-4942-97F8-8B62BA5CAF7F}" type="datetime8">
              <a:rPr lang="he-IL" smtClean="0"/>
              <a:t>07 דצמבר 20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94275352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שני תכנים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תוכן 2"/>
          <p:cNvSpPr>
            <a:spLocks noGrp="1"/>
          </p:cNvSpPr>
          <p:nvPr>
            <p:ph sz="half" idx="1"/>
          </p:nvPr>
        </p:nvSpPr>
        <p:spPr>
          <a:xfrm>
            <a:off x="609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6197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974067-7F5D-4844-845F-54E0E87C0291}" type="datetime8">
              <a:rPr lang="he-IL" smtClean="0"/>
              <a:t>07 דצמבר 20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252301752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השווא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5" name="מציין מיקום טקסט 4"/>
          <p:cNvSpPr>
            <a:spLocks noGrp="1"/>
          </p:cNvSpPr>
          <p:nvPr>
            <p:ph type="body" sz="quarter" idx="3"/>
          </p:nvPr>
        </p:nvSpPr>
        <p:spPr>
          <a:xfrm>
            <a:off x="6193368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6" name="מציין מיקום תוכן 5"/>
          <p:cNvSpPr>
            <a:spLocks noGrp="1"/>
          </p:cNvSpPr>
          <p:nvPr>
            <p:ph sz="quarter" idx="4"/>
          </p:nvPr>
        </p:nvSpPr>
        <p:spPr>
          <a:xfrm>
            <a:off x="6193368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7" name="מציין מיקום של תאריך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4D85DB-9310-434B-B426-B39F93CAD2F5}" type="datetime8">
              <a:rPr lang="he-IL" smtClean="0"/>
              <a:t>07 דצמבר 20</a:t>
            </a:fld>
            <a:endParaRPr lang="he-IL"/>
          </a:p>
        </p:txBody>
      </p:sp>
      <p:sp>
        <p:nvSpPr>
          <p:cNvPr id="8" name="מציין מיקום של כותרת תחתונה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9" name="מציין מיקום של מספר שקופית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194400018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כותרת בלבד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32209A-86C3-4BD9-BD21-F88E20329CE2}" type="datetime8">
              <a:rPr lang="he-IL" smtClean="0"/>
              <a:t>07 דצמבר 20</a:t>
            </a:fld>
            <a:endParaRPr lang="he-IL"/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39033365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ריק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אריך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3E6D4D-FA23-4E66-9C0D-1E746D9E5DCD}" type="datetime8">
              <a:rPr lang="he-IL" smtClean="0"/>
              <a:t>07 דצמבר 20</a:t>
            </a:fld>
            <a:endParaRPr lang="he-IL"/>
          </a:p>
        </p:txBody>
      </p:sp>
      <p:sp>
        <p:nvSpPr>
          <p:cNvPr id="3" name="מציין מיקום של כותרת תחתונה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249071412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תוכן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609601" y="273050"/>
            <a:ext cx="4011084" cy="1162050"/>
          </a:xfrm>
        </p:spPr>
        <p:txBody>
          <a:bodyPr anchor="b"/>
          <a:lstStyle>
            <a:lvl1pPr algn="r">
              <a:defRPr sz="2000" b="1"/>
            </a:lvl1pPr>
          </a:lstStyle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4766733" y="273051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609601" y="1435101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A675E4-FC68-440B-89A3-835E0FA25796}" type="datetime8">
              <a:rPr lang="he-IL" smtClean="0"/>
              <a:t>07 דצמבר 20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297030224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380910-921F-4143-AB01-0F0AFC2908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E0182FC-5A0B-4C24-A6ED-990ED5BA908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B6172F4-3DB0-4AE3-8926-081B78034C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algn="r"/>
            <a:fld id="{A37D6D71-8B28-4ED6-B932-04B197003D23}" type="datetimeFigureOut">
              <a:rPr lang="en-US" smtClean="0"/>
              <a:pPr algn="r"/>
              <a:t>12/7/2020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25F1358-C731-465B-BCB1-2CCBFD6ECF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8D59536-57D3-4C8A-A207-568465A32E4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l"/>
            <a:fld id="{F97E8200-1950-409B-82E7-99938E7AE355}" type="slidenum">
              <a:rPr lang="en-US" smtClean="0"/>
              <a:pPr algn="l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781509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תמונה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 anchor="b"/>
          <a:lstStyle>
            <a:lvl1pPr algn="r">
              <a:defRPr sz="2000" b="1"/>
            </a:lvl1pPr>
          </a:lstStyle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של תמונה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he-IL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EB6015-C639-4130-B1C9-BE837B5A237E}" type="datetime8">
              <a:rPr lang="he-IL" smtClean="0"/>
              <a:t>07 דצמבר 20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17201643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כותרת וטקסט אנכ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465C41-26D7-4C5E-8763-61B36B807E6F}" type="datetime8">
              <a:rPr lang="he-IL" smtClean="0"/>
              <a:t>07 דצמבר 20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351578448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כותרת אנכית וטקס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אנכית 1"/>
          <p:cNvSpPr>
            <a:spLocks noGrp="1"/>
          </p:cNvSpPr>
          <p:nvPr>
            <p:ph type="title" orient="vert"/>
          </p:nvPr>
        </p:nvSpPr>
        <p:spPr>
          <a:xfrm>
            <a:off x="8839200" y="274639"/>
            <a:ext cx="2743200" cy="5851525"/>
          </a:xfrm>
        </p:spPr>
        <p:txBody>
          <a:bodyPr vert="eaVert"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>
          <a:xfrm>
            <a:off x="609600" y="274639"/>
            <a:ext cx="8026400" cy="5851525"/>
          </a:xfrm>
        </p:spPr>
        <p:txBody>
          <a:bodyPr vert="eaVert"/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A7B2DF-4C6A-4AA0-BD15-422F653BD131}" type="datetime8">
              <a:rPr lang="he-IL" smtClean="0"/>
              <a:t>07 דצמבר 20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98080025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B81E0804-8E9E-4C6E-B18D-44FE715B239E}"/>
              </a:ext>
            </a:extLst>
          </p:cNvPr>
          <p:cNvSpPr/>
          <p:nvPr/>
        </p:nvSpPr>
        <p:spPr>
          <a:xfrm>
            <a:off x="0" y="0"/>
            <a:ext cx="12192000" cy="4224973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C278AA1-17A5-44BF-8791-EACDA31F5D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60120" y="768096"/>
            <a:ext cx="10268712" cy="3136392"/>
          </a:xfrm>
        </p:spPr>
        <p:txBody>
          <a:bodyPr anchor="b">
            <a:normAutofit/>
          </a:bodyPr>
          <a:lstStyle>
            <a:lvl1pPr>
              <a:defRPr sz="7200" baseline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1203A5-DA79-4778-AB85-15036574849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960120" y="4544568"/>
            <a:ext cx="10268712" cy="1545336"/>
          </a:xfrm>
        </p:spPr>
        <p:txBody>
          <a:bodyPr>
            <a:normAutofit/>
          </a:bodyPr>
          <a:lstStyle>
            <a:lvl1pPr marL="0" indent="0">
              <a:buNone/>
              <a:defRPr sz="36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CE3B1B5E-0912-44AE-BAED-70B980E539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algn="r"/>
            <a:fld id="{A37D6D71-8B28-4ED6-B932-04B197003D23}" type="datetimeFigureOut">
              <a:rPr lang="en-US" smtClean="0"/>
              <a:pPr algn="r"/>
              <a:t>12/7/2020</a:t>
            </a:fld>
            <a:endParaRPr lang="en-US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346C82F1-A7B2-4F03-A26B-59D79BF5BF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B1DC1ABC-47A9-477B-A29D-F6690EE6B53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l"/>
            <a:fld id="{F97E8200-1950-409B-82E7-99938E7AE355}" type="slidenum">
              <a:rPr lang="en-US" smtClean="0"/>
              <a:pPr algn="l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0978902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35F398-F05F-4793-9FA5-5B817EB95A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617F1CD-2CD4-4BBB-AB36-73A20B1A8D6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960120" y="2587752"/>
            <a:ext cx="4815840" cy="359359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67BBE02-B884-4CCC-9CBD-13B792BBA2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412992" y="2583371"/>
            <a:ext cx="4815840" cy="359359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2" name="Date Placeholder 11">
            <a:extLst>
              <a:ext uri="{FF2B5EF4-FFF2-40B4-BE49-F238E27FC236}">
                <a16:creationId xmlns:a16="http://schemas.microsoft.com/office/drawing/2014/main" id="{B7FBE509-AA68-4D63-A589-AD5DE7FFFE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algn="r"/>
            <a:fld id="{A37D6D71-8B28-4ED6-B932-04B197003D23}" type="datetimeFigureOut">
              <a:rPr lang="en-US" smtClean="0"/>
              <a:pPr algn="r"/>
              <a:t>12/7/2020</a:t>
            </a:fld>
            <a:endParaRPr lang="en-US" dirty="0"/>
          </a:p>
        </p:txBody>
      </p:sp>
      <p:sp>
        <p:nvSpPr>
          <p:cNvPr id="13" name="Footer Placeholder 12">
            <a:extLst>
              <a:ext uri="{FF2B5EF4-FFF2-40B4-BE49-F238E27FC236}">
                <a16:creationId xmlns:a16="http://schemas.microsoft.com/office/drawing/2014/main" id="{9C1A4D52-57E4-4F45-BC2C-9FD73E9CEC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4" name="Slide Number Placeholder 13">
            <a:extLst>
              <a:ext uri="{FF2B5EF4-FFF2-40B4-BE49-F238E27FC236}">
                <a16:creationId xmlns:a16="http://schemas.microsoft.com/office/drawing/2014/main" id="{E76AD5E1-358D-4236-85AE-74713259EF0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l"/>
            <a:fld id="{F97E8200-1950-409B-82E7-99938E7AE355}" type="slidenum">
              <a:rPr lang="en-US" smtClean="0"/>
              <a:pPr algn="l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4390528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87D32C-166A-4FBE-B24D-C2576909542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960121" y="2587752"/>
            <a:ext cx="4818888" cy="892048"/>
          </a:xfrm>
        </p:spPr>
        <p:txBody>
          <a:bodyPr anchor="ctr"/>
          <a:lstStyle>
            <a:lvl1pPr marL="0" indent="0">
              <a:buNone/>
              <a:defRPr sz="2600" b="0" cap="all" baseline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A9EC567-F249-462A-B71A-9C40D50E26A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960120" y="3594538"/>
            <a:ext cx="4818888" cy="258680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BB7D2C6-69D1-4DE4-BF68-5FB0623DB9E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409944" y="2587752"/>
            <a:ext cx="4818888" cy="892048"/>
          </a:xfrm>
        </p:spPr>
        <p:txBody>
          <a:bodyPr anchor="ctr"/>
          <a:lstStyle>
            <a:lvl1pPr marL="0" indent="0">
              <a:buNone/>
              <a:defRPr sz="2600" b="0" cap="all" baseline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3367CC7-ED09-4F8D-A39A-C5969D33B9F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409944" y="3594538"/>
            <a:ext cx="4818888" cy="258680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0" name="Date Placeholder 9">
            <a:extLst>
              <a:ext uri="{FF2B5EF4-FFF2-40B4-BE49-F238E27FC236}">
                <a16:creationId xmlns:a16="http://schemas.microsoft.com/office/drawing/2014/main" id="{5F92A44F-DE98-4FB5-B474-5DCCDD267A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algn="r"/>
            <a:fld id="{A37D6D71-8B28-4ED6-B932-04B197003D23}" type="datetimeFigureOut">
              <a:rPr lang="en-US" smtClean="0"/>
              <a:pPr algn="r"/>
              <a:t>12/7/2020</a:t>
            </a:fld>
            <a:endParaRPr lang="en-US" dirty="0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3ACC79DA-A9E4-4E93-93F1-81907A901B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404DFE57-AA80-4ED8-AD77-35CC56F3FB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l"/>
            <a:fld id="{F97E8200-1950-409B-82E7-99938E7AE355}" type="slidenum">
              <a:rPr lang="en-US" smtClean="0"/>
              <a:pPr algn="l"/>
              <a:t>‹#›</a:t>
            </a:fld>
            <a:endParaRPr lang="en-US" dirty="0"/>
          </a:p>
        </p:txBody>
      </p:sp>
      <p:sp>
        <p:nvSpPr>
          <p:cNvPr id="13" name="Title 12">
            <a:extLst>
              <a:ext uri="{FF2B5EF4-FFF2-40B4-BE49-F238E27FC236}">
                <a16:creationId xmlns:a16="http://schemas.microsoft.com/office/drawing/2014/main" id="{FB62259C-ADDF-4293-AD3B-AB2E04A7483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83292419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BC7BA0-DC57-452F-85B7-C979AA6909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1C53797-8D72-4774-AC93-EB9FDD650C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algn="r"/>
            <a:fld id="{A37D6D71-8B28-4ED6-B932-04B197003D23}" type="datetimeFigureOut">
              <a:rPr lang="en-US" smtClean="0"/>
              <a:pPr algn="r"/>
              <a:t>12/7/2020</a:t>
            </a:fld>
            <a:endParaRPr lang="en-US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9E945AB7-1A32-4516-ABF9-B40958AE2E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22923C3-1D67-4089-A6B1-9A10315E807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l"/>
            <a:fld id="{F97E8200-1950-409B-82E7-99938E7AE355}" type="slidenum">
              <a:rPr lang="en-US" smtClean="0"/>
              <a:pPr algn="l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989151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C0A8DC1-14F6-453B-A724-D6493F063F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algn="r"/>
            <a:fld id="{A37D6D71-8B28-4ED6-B932-04B197003D23}" type="datetimeFigureOut">
              <a:rPr lang="en-US" smtClean="0"/>
              <a:pPr algn="r"/>
              <a:t>12/7/2020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6E63FF0-1A91-4698-B12A-112D0537359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E066D53-44B3-4F04-93FD-9756A60139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l"/>
            <a:fld id="{F97E8200-1950-409B-82E7-99938E7AE355}" type="slidenum">
              <a:rPr lang="en-US" smtClean="0"/>
              <a:pPr algn="l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8823803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083A0FE-F7E3-433E-9A29-D778690D223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2591850"/>
            <a:ext cx="6045644" cy="3593592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794B15D-55F5-4208-AF40-41CAFEB56F4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960120" y="2591850"/>
            <a:ext cx="3811905" cy="3277137"/>
          </a:xfrm>
        </p:spPr>
        <p:txBody>
          <a:bodyPr anchor="ctr">
            <a:normAutofit/>
          </a:bodyPr>
          <a:lstStyle>
            <a:lvl1pPr marL="0" indent="0">
              <a:buNone/>
              <a:defRPr sz="24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E8A46CE7-2F0F-4C85-B633-B9FCB8347A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algn="r"/>
            <a:fld id="{A37D6D71-8B28-4ED6-B932-04B197003D23}" type="datetimeFigureOut">
              <a:rPr lang="en-US" smtClean="0"/>
              <a:pPr algn="r"/>
              <a:t>12/7/2020</a:t>
            </a:fld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D0900919-3A73-4918-9D97-8DBE7ABB7A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08BC1001-E44E-4A9A-9E60-2E319A844F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l"/>
            <a:fld id="{F97E8200-1950-409B-82E7-99938E7AE355}" type="slidenum">
              <a:rPr lang="en-US" smtClean="0"/>
              <a:pPr algn="l"/>
              <a:t>‹#›</a:t>
            </a:fld>
            <a:endParaRPr lang="en-US" dirty="0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A125AC31-022C-40AA-B65C-C9AC48395A6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58397534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797A575-703F-410E-9A84-F9B578FEAE8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0" y="2267712"/>
            <a:ext cx="6571469" cy="4590288"/>
          </a:xfrm>
          <a:solidFill>
            <a:schemeClr val="bg1">
              <a:lumMod val="85000"/>
            </a:schemeClr>
          </a:solidFill>
          <a:ln>
            <a:noFill/>
          </a:ln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518B509-934D-400A-A922-45B61AC6EDD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7235971" y="2587752"/>
            <a:ext cx="3992856" cy="3593592"/>
          </a:xfrm>
        </p:spPr>
        <p:txBody>
          <a:bodyPr anchor="ctr">
            <a:normAutofit/>
          </a:bodyPr>
          <a:lstStyle>
            <a:lvl1pPr marL="0" indent="0">
              <a:buNone/>
              <a:defRPr sz="24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99813C51-6954-4F3A-A043-D1BCC8B50F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algn="r"/>
            <a:fld id="{A37D6D71-8B28-4ED6-B932-04B197003D23}" type="datetimeFigureOut">
              <a:rPr lang="en-US" smtClean="0"/>
              <a:pPr algn="r"/>
              <a:t>12/7/2020</a:t>
            </a:fld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C0AC32FB-49A3-40E4-9D24-1775970436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  <a:effectLst>
                  <a:outerShdw blurRad="50800" dist="38100" dir="2700000" algn="tl" rotWithShape="0">
                    <a:prstClr val="black">
                      <a:alpha val="43000"/>
                    </a:prstClr>
                  </a:outerShdw>
                </a:effectLst>
              </a:defRPr>
            </a:lvl1pPr>
          </a:lstStyle>
          <a:p>
            <a:endParaRPr lang="en-US" dirty="0">
              <a:effectLst>
                <a:outerShdw blurRad="50800" dist="38100" dir="2700000" algn="tl" rotWithShape="0">
                  <a:prstClr val="black">
                    <a:alpha val="43000"/>
                  </a:prstClr>
                </a:outerShdw>
              </a:effectLst>
            </a:endParaRP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EC93F5E6-DAE6-447B-8038-5F4C9A799F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l"/>
            <a:fld id="{F97E8200-1950-409B-82E7-99938E7AE355}" type="slidenum">
              <a:rPr lang="en-US" smtClean="0"/>
              <a:pPr algn="l"/>
              <a:t>‹#›</a:t>
            </a:fld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BFF97FB-514D-4FE8-A9A4-E9A111A56E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6649836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1D153959-30FA-4987-A094-7243641F474B}"/>
              </a:ext>
            </a:extLst>
          </p:cNvPr>
          <p:cNvSpPr/>
          <p:nvPr/>
        </p:nvSpPr>
        <p:spPr>
          <a:xfrm>
            <a:off x="0" y="0"/>
            <a:ext cx="12192000" cy="2264989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0216229-A6DB-436A-B327-667E80F0A5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60120" y="317814"/>
            <a:ext cx="10268712" cy="1700784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B2B351D-270D-480D-8AF5-6A213ED2B3F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960120" y="2587752"/>
            <a:ext cx="10268712" cy="359359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EB0E73-3310-4A8F-BB4A-7A6A99121A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903720" y="6356350"/>
            <a:ext cx="323697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just">
              <a:defRPr sz="1200" spc="50" baseline="0">
                <a:solidFill>
                  <a:schemeClr val="tx1"/>
                </a:solidFill>
              </a:defRPr>
            </a:lvl1pPr>
          </a:lstStyle>
          <a:p>
            <a:pPr algn="r"/>
            <a:fld id="{A37D6D71-8B28-4ED6-B932-04B197003D23}" type="datetimeFigureOut">
              <a:rPr lang="en-US" smtClean="0"/>
              <a:pPr algn="r"/>
              <a:t>12/7/2020</a:t>
            </a:fld>
            <a:endParaRPr lang="en-US" spc="5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381C4C0-515B-4404-A780-C31E7DFE54A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960120" y="6356350"/>
            <a:ext cx="550468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 cap="all" spc="50" baseline="0">
                <a:solidFill>
                  <a:schemeClr val="tx1"/>
                </a:solidFill>
              </a:defRPr>
            </a:lvl1pPr>
          </a:lstStyle>
          <a:p>
            <a:endParaRPr lang="en-US" spc="5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44C30C7-F013-428C-A6F7-A8CCCD14CEF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296144" y="6356350"/>
            <a:ext cx="93268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pPr algn="l"/>
            <a:fld id="{F97E8200-1950-409B-82E7-99938E7AE355}" type="slidenum">
              <a:rPr lang="en-US" smtClean="0"/>
              <a:pPr algn="l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563481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1" r:id="rId1"/>
    <p:sldLayoutId id="2147483682" r:id="rId2"/>
    <p:sldLayoutId id="2147483683" r:id="rId3"/>
    <p:sldLayoutId id="2147483684" r:id="rId4"/>
    <p:sldLayoutId id="2147483685" r:id="rId5"/>
    <p:sldLayoutId id="2147483679" r:id="rId6"/>
    <p:sldLayoutId id="2147483675" r:id="rId7"/>
    <p:sldLayoutId id="2147483676" r:id="rId8"/>
    <p:sldLayoutId id="2147483677" r:id="rId9"/>
    <p:sldLayoutId id="2147483678" r:id="rId10"/>
    <p:sldLayoutId id="2147483680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6600" kern="1200" cap="all" spc="12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1000"/>
        </a:lnSpc>
        <a:spcBef>
          <a:spcPts val="700"/>
        </a:spcBef>
        <a:spcAft>
          <a:spcPts val="700"/>
        </a:spcAft>
        <a:buFont typeface="Arial" panose="020B0604020202020204" pitchFamily="34" charset="0"/>
        <a:buNone/>
        <a:defRPr sz="2600" kern="1200" spc="50" baseline="0">
          <a:solidFill>
            <a:schemeClr val="tx1"/>
          </a:solidFill>
          <a:latin typeface="+mn-lt"/>
          <a:ea typeface="+mn-ea"/>
          <a:cs typeface="+mn-cs"/>
        </a:defRPr>
      </a:lvl1pPr>
      <a:lvl2pPr marL="274320" indent="-274320" algn="l" defTabSz="914400" rtl="0" eaLnBrk="1" latinLnBrk="0" hangingPunct="1">
        <a:lnSpc>
          <a:spcPct val="101000"/>
        </a:lnSpc>
        <a:spcBef>
          <a:spcPts val="400"/>
        </a:spcBef>
        <a:spcAft>
          <a:spcPts val="400"/>
        </a:spcAft>
        <a:buClrTx/>
        <a:buFont typeface="Wingdings" panose="05000000000000000000" pitchFamily="2" charset="2"/>
        <a:buChar char="§"/>
        <a:defRPr sz="2300" kern="1200" spc="50" baseline="0">
          <a:solidFill>
            <a:schemeClr val="tx1"/>
          </a:solidFill>
          <a:latin typeface="+mn-lt"/>
          <a:ea typeface="+mn-ea"/>
          <a:cs typeface="+mn-cs"/>
        </a:defRPr>
      </a:lvl2pPr>
      <a:lvl3pPr marL="274320" indent="0" algn="l" defTabSz="914400" rtl="0" eaLnBrk="1" latinLnBrk="0" hangingPunct="1">
        <a:lnSpc>
          <a:spcPct val="101000"/>
        </a:lnSpc>
        <a:spcBef>
          <a:spcPts val="400"/>
        </a:spcBef>
        <a:spcAft>
          <a:spcPts val="400"/>
        </a:spcAft>
        <a:buFont typeface="Arial" panose="020B0604020202020204" pitchFamily="34" charset="0"/>
        <a:buNone/>
        <a:defRPr sz="1800" b="1" kern="1200" spc="50" baseline="0">
          <a:solidFill>
            <a:schemeClr val="tx1"/>
          </a:solidFill>
          <a:latin typeface="+mn-lt"/>
          <a:ea typeface="+mn-ea"/>
          <a:cs typeface="+mn-cs"/>
        </a:defRPr>
      </a:lvl3pPr>
      <a:lvl4pPr marL="594360" indent="-274320" algn="l" defTabSz="914400" rtl="0" eaLnBrk="1" latinLnBrk="0" hangingPunct="1">
        <a:lnSpc>
          <a:spcPct val="101000"/>
        </a:lnSpc>
        <a:spcBef>
          <a:spcPts val="400"/>
        </a:spcBef>
        <a:spcAft>
          <a:spcPts val="400"/>
        </a:spcAft>
        <a:buClrTx/>
        <a:buFont typeface="Wingdings" panose="05000000000000000000" pitchFamily="2" charset="2"/>
        <a:buChar char="§"/>
        <a:defRPr sz="1800" kern="1200" spc="50" baseline="0">
          <a:solidFill>
            <a:schemeClr val="tx1"/>
          </a:solidFill>
          <a:latin typeface="+mn-lt"/>
          <a:ea typeface="+mn-ea"/>
          <a:cs typeface="+mn-cs"/>
        </a:defRPr>
      </a:lvl4pPr>
      <a:lvl5pPr marL="594360" indent="0" algn="l" defTabSz="914400" rtl="0" eaLnBrk="1" latinLnBrk="0" hangingPunct="1">
        <a:lnSpc>
          <a:spcPct val="101000"/>
        </a:lnSpc>
        <a:spcBef>
          <a:spcPts val="400"/>
        </a:spcBef>
        <a:spcAft>
          <a:spcPts val="400"/>
        </a:spcAft>
        <a:buFont typeface="Arial" panose="020B0604020202020204" pitchFamily="34" charset="0"/>
        <a:buNone/>
        <a:defRPr sz="1800" b="1" kern="1200" spc="50" baseline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rgbClr val="5E9EFF"/>
            </a:gs>
            <a:gs pos="39999">
              <a:srgbClr val="85C2FF"/>
            </a:gs>
            <a:gs pos="70000">
              <a:srgbClr val="C4D6EB"/>
            </a:gs>
            <a:gs pos="100000">
              <a:srgbClr val="FFEBFA"/>
            </a:gs>
          </a:gsLst>
          <a:lin ang="27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1" anchor="ctr">
            <a:normAutofit/>
          </a:bodyPr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1">
            <a:normAutofit/>
          </a:bodyPr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2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E1AD1D1-BC26-4713-827F-28DDAC21265E}" type="datetime8">
              <a:rPr lang="he-IL" smtClean="0"/>
              <a:t>07 דצמבר 20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4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15594505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8" r:id="rId1"/>
    <p:sldLayoutId id="2147483689" r:id="rId2"/>
    <p:sldLayoutId id="2147483690" r:id="rId3"/>
    <p:sldLayoutId id="2147483691" r:id="rId4"/>
    <p:sldLayoutId id="2147483692" r:id="rId5"/>
    <p:sldLayoutId id="2147483693" r:id="rId6"/>
    <p:sldLayoutId id="2147483694" r:id="rId7"/>
    <p:sldLayoutId id="2147483695" r:id="rId8"/>
    <p:sldLayoutId id="2147483696" r:id="rId9"/>
    <p:sldLayoutId id="2147483697" r:id="rId10"/>
    <p:sldLayoutId id="2147483698" r:id="rId11"/>
  </p:sldLayoutIdLst>
  <p:hf hdr="0" ftr="0" dt="0"/>
  <p:txStyles>
    <p:titleStyle>
      <a:lvl1pPr algn="ctr" defTabSz="914400" rtl="1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r" defTabSz="914400" rtl="1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r" defTabSz="914400" rtl="1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r" defTabSz="914400" rtl="1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r" defTabSz="914400" rtl="1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he-IL"/>
      </a:defPPr>
      <a:lvl1pPr marL="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crdownload"/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slideLayout" Target="../slideLayouts/slideLayout18.xml"/><Relationship Id="rId47" Type="http://schemas.openxmlformats.org/officeDocument/2006/relationships/diagramColors" Target="../diagrams/colors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diagramQuickStyle" Target="../diagrams/quickStyle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diagramLayout" Target="../diagrams/layout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diagramData" Target="../diagrams/data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notesSlide" Target="../notesSlides/notesSlide1.xml"/><Relationship Id="rId48" Type="http://schemas.microsoft.com/office/2007/relationships/diagramDrawing" Target="../diagrams/drawing1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9" name="Rectangle 8">
            <a:extLst>
              <a:ext uri="{FF2B5EF4-FFF2-40B4-BE49-F238E27FC236}">
                <a16:creationId xmlns:a16="http://schemas.microsoft.com/office/drawing/2014/main" id="{4AA13AD3-0A4F-475A-BEBB-DEEFF5C096C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205BB74C-33FB-4335-8808-49E247F7BF7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059935" y="1225106"/>
            <a:ext cx="8132066" cy="3788958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כותרת 1">
            <a:extLst>
              <a:ext uri="{FF2B5EF4-FFF2-40B4-BE49-F238E27FC236}">
                <a16:creationId xmlns:a16="http://schemas.microsoft.com/office/drawing/2014/main" id="{21F5923D-85D9-4D84-A4F4-741E2C3CE46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703402" y="1841412"/>
            <a:ext cx="6406559" cy="2688020"/>
          </a:xfrm>
        </p:spPr>
        <p:txBody>
          <a:bodyPr>
            <a:normAutofit/>
          </a:bodyPr>
          <a:lstStyle/>
          <a:p>
            <a:pPr algn="l"/>
            <a:r>
              <a:rPr lang="he-IL" sz="8100">
                <a:solidFill>
                  <a:schemeClr val="bg1"/>
                </a:solidFill>
                <a:cs typeface="Aharoni"/>
              </a:rPr>
              <a:t>דיון סגל </a:t>
            </a:r>
            <a:br>
              <a:rPr lang="he-IL" sz="8100">
                <a:solidFill>
                  <a:schemeClr val="bg1"/>
                </a:solidFill>
                <a:cs typeface="Aharoni"/>
              </a:rPr>
            </a:br>
            <a:r>
              <a:rPr lang="he-IL" sz="8100">
                <a:solidFill>
                  <a:schemeClr val="bg1"/>
                </a:solidFill>
                <a:cs typeface="Aharoni"/>
              </a:rPr>
              <a:t>ציר האסטרטגיה</a:t>
            </a:r>
            <a:endParaRPr lang="he-IL" sz="8100">
              <a:solidFill>
                <a:schemeClr val="bg1"/>
              </a:solidFill>
            </a:endParaRPr>
          </a:p>
        </p:txBody>
      </p:sp>
      <p:sp>
        <p:nvSpPr>
          <p:cNvPr id="3" name="כותרת משנה 2">
            <a:extLst>
              <a:ext uri="{FF2B5EF4-FFF2-40B4-BE49-F238E27FC236}">
                <a16:creationId xmlns:a16="http://schemas.microsoft.com/office/drawing/2014/main" id="{661FDE57-7648-41F8-9855-7462DF3CB3D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703402" y="5206246"/>
            <a:ext cx="6433990" cy="1024128"/>
          </a:xfrm>
        </p:spPr>
        <p:txBody>
          <a:bodyPr vert="horz" lIns="91440" tIns="45720" rIns="91440" bIns="45720" rtlCol="0" anchor="t">
            <a:normAutofit/>
          </a:bodyPr>
          <a:lstStyle/>
          <a:p>
            <a:pPr algn="l"/>
            <a:r>
              <a:rPr lang="he-IL" dirty="0">
                <a:solidFill>
                  <a:schemeClr val="tx1"/>
                </a:solidFill>
                <a:cs typeface="Aharoni"/>
              </a:rPr>
              <a:t>התנסות ראשונה, </a:t>
            </a:r>
            <a:r>
              <a:rPr lang="he-IL" dirty="0" err="1">
                <a:solidFill>
                  <a:schemeClr val="tx1"/>
                </a:solidFill>
                <a:cs typeface="Aharoni"/>
              </a:rPr>
              <a:t>תרגילונים,סימולציה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97DA6380-7FB7-4B27-9B2B-66359F1DFE4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1264" r="29879" b="-5"/>
          <a:stretch/>
        </p:blipFill>
        <p:spPr>
          <a:xfrm>
            <a:off x="20" y="1225106"/>
            <a:ext cx="4059915" cy="37889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9249231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>
            <a:extLst>
              <a:ext uri="{FF2B5EF4-FFF2-40B4-BE49-F238E27FC236}">
                <a16:creationId xmlns:a16="http://schemas.microsoft.com/office/drawing/2014/main" id="{B7D176A2-6E0A-4C5A-9CED-9BE4F109E8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dirty="0"/>
              <a:t>התנסות ראשונה- זירה צפונית</a:t>
            </a:r>
          </a:p>
        </p:txBody>
      </p:sp>
      <p:sp>
        <p:nvSpPr>
          <p:cNvPr id="3" name="מציין מיקום תוכן 2">
            <a:extLst>
              <a:ext uri="{FF2B5EF4-FFF2-40B4-BE49-F238E27FC236}">
                <a16:creationId xmlns:a16="http://schemas.microsoft.com/office/drawing/2014/main" id="{18218764-0283-4FFB-A096-5C856EA4A72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ctr">
            <a:normAutofit/>
          </a:bodyPr>
          <a:lstStyle/>
          <a:p>
            <a:pPr lvl="1" algn="ctr"/>
            <a:r>
              <a:rPr lang="he-IL" dirty="0">
                <a:latin typeface="David"/>
                <a:cs typeface="David"/>
              </a:rPr>
              <a:t>יום עיצוב-9.12.20</a:t>
            </a:r>
          </a:p>
          <a:p>
            <a:pPr lvl="1" algn="ctr"/>
            <a:r>
              <a:rPr lang="he-IL" dirty="0">
                <a:latin typeface="David"/>
                <a:cs typeface="David"/>
              </a:rPr>
              <a:t>התנסות ראשונה- 15-16.12.20</a:t>
            </a:r>
          </a:p>
          <a:p>
            <a:pPr lvl="1" algn="ctr"/>
            <a:r>
              <a:rPr lang="he-IL" dirty="0">
                <a:latin typeface="David"/>
                <a:cs typeface="David"/>
              </a:rPr>
              <a:t>הצגה במליאה-22.12.20</a:t>
            </a:r>
            <a:br>
              <a:rPr lang="he-IL" dirty="0">
                <a:latin typeface="David"/>
                <a:cs typeface="David"/>
              </a:rPr>
            </a:br>
            <a:br>
              <a:rPr lang="he-IL" dirty="0">
                <a:latin typeface="David"/>
                <a:cs typeface="David"/>
              </a:rPr>
            </a:br>
            <a:r>
              <a:rPr lang="he-IL" dirty="0">
                <a:latin typeface="David"/>
                <a:cs typeface="David"/>
              </a:rPr>
              <a:t>טל פוליטיס+עינת</a:t>
            </a:r>
            <a:br>
              <a:rPr lang="he-IL" dirty="0">
                <a:latin typeface="David"/>
                <a:cs typeface="David"/>
              </a:rPr>
            </a:br>
            <a:r>
              <a:rPr lang="he-IL" dirty="0">
                <a:latin typeface="David"/>
                <a:cs typeface="David"/>
              </a:rPr>
              <a:t>איתמר+פינקל</a:t>
            </a:r>
            <a:br>
              <a:rPr lang="he-IL" dirty="0">
                <a:latin typeface="David"/>
                <a:cs typeface="David"/>
              </a:rPr>
            </a:br>
            <a:r>
              <a:rPr lang="he-IL" dirty="0">
                <a:latin typeface="David"/>
                <a:cs typeface="David"/>
              </a:rPr>
              <a:t>בוכריס+דביר</a:t>
            </a:r>
            <a:br>
              <a:rPr lang="he-IL" dirty="0">
                <a:latin typeface="David"/>
                <a:cs typeface="David"/>
              </a:rPr>
            </a:br>
            <a:r>
              <a:rPr lang="he-IL" dirty="0">
                <a:latin typeface="David"/>
                <a:cs typeface="David"/>
              </a:rPr>
              <a:t>רועי+דנה</a:t>
            </a:r>
          </a:p>
        </p:txBody>
      </p:sp>
    </p:spTree>
    <p:extLst>
      <p:ext uri="{BB962C8B-B14F-4D97-AF65-F5344CB8AC3E}">
        <p14:creationId xmlns:p14="http://schemas.microsoft.com/office/powerpoint/2010/main" val="160186049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>
            <a:extLst>
              <a:ext uri="{FF2B5EF4-FFF2-40B4-BE49-F238E27FC236}">
                <a16:creationId xmlns:a16="http://schemas.microsoft.com/office/drawing/2014/main" id="{644E4F0C-F97F-4363-8913-BCFFE9A9A0D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he-IL" dirty="0"/>
              <a:t> </a:t>
            </a:r>
            <a:r>
              <a:rPr lang="he-IL">
                <a:ea typeface="+mj-lt"/>
                <a:cs typeface="+mj-lt"/>
              </a:rPr>
              <a:t>Dieselgate</a:t>
            </a:r>
            <a:endParaRPr lang="he-IL" dirty="0"/>
          </a:p>
        </p:txBody>
      </p:sp>
      <p:sp>
        <p:nvSpPr>
          <p:cNvPr id="3" name="מציין מיקום תוכן 2">
            <a:extLst>
              <a:ext uri="{FF2B5EF4-FFF2-40B4-BE49-F238E27FC236}">
                <a16:creationId xmlns:a16="http://schemas.microsoft.com/office/drawing/2014/main" id="{F003C8DC-EDA0-4496-AFA2-B84094DBB17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pPr algn="ctr"/>
            <a:r>
              <a:rPr lang="he-IL"/>
              <a:t>מוביל מכל צוות </a:t>
            </a:r>
          </a:p>
        </p:txBody>
      </p:sp>
    </p:spTree>
    <p:extLst>
      <p:ext uri="{BB962C8B-B14F-4D97-AF65-F5344CB8AC3E}">
        <p14:creationId xmlns:p14="http://schemas.microsoft.com/office/powerpoint/2010/main" val="4020755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>
            <a:extLst>
              <a:ext uri="{FF2B5EF4-FFF2-40B4-BE49-F238E27FC236}">
                <a16:creationId xmlns:a16="http://schemas.microsoft.com/office/drawing/2014/main" id="{3A2B3F2E-076F-4A4E-B7B4-E2D6B5813A7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he-IL"/>
              <a:t>רצח נשים ואלימות במשפחה</a:t>
            </a:r>
          </a:p>
        </p:txBody>
      </p:sp>
      <p:sp>
        <p:nvSpPr>
          <p:cNvPr id="3" name="מציין מיקום תוכן 2">
            <a:extLst>
              <a:ext uri="{FF2B5EF4-FFF2-40B4-BE49-F238E27FC236}">
                <a16:creationId xmlns:a16="http://schemas.microsoft.com/office/drawing/2014/main" id="{D23B42A7-B00F-4644-AA3F-069578BF48C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pPr algn="r"/>
            <a:r>
              <a:rPr lang="he-IL" dirty="0"/>
              <a:t>התרגיל מתרחש בצוות ללא הצגה במליאה</a:t>
            </a:r>
          </a:p>
          <a:p>
            <a:pPr algn="r"/>
            <a:r>
              <a:rPr lang="he-IL" dirty="0"/>
              <a:t>שלושה מובילים בצוות</a:t>
            </a:r>
          </a:p>
        </p:txBody>
      </p:sp>
    </p:spTree>
    <p:extLst>
      <p:ext uri="{BB962C8B-B14F-4D97-AF65-F5344CB8AC3E}">
        <p14:creationId xmlns:p14="http://schemas.microsoft.com/office/powerpoint/2010/main" val="401434876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>
            <a:extLst>
              <a:ext uri="{FF2B5EF4-FFF2-40B4-BE49-F238E27FC236}">
                <a16:creationId xmlns:a16="http://schemas.microsoft.com/office/drawing/2014/main" id="{648D434D-DE66-4740-958C-DF8DFCB675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he-IL"/>
              <a:t>משולב</a:t>
            </a:r>
            <a:endParaRPr lang="he-IL" dirty="0"/>
          </a:p>
        </p:txBody>
      </p:sp>
      <p:sp>
        <p:nvSpPr>
          <p:cNvPr id="3" name="מציין מיקום תוכן 2">
            <a:extLst>
              <a:ext uri="{FF2B5EF4-FFF2-40B4-BE49-F238E27FC236}">
                <a16:creationId xmlns:a16="http://schemas.microsoft.com/office/drawing/2014/main" id="{0AAB4B50-3ABA-453B-B4FC-3113520C15B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rmAutofit/>
          </a:bodyPr>
          <a:lstStyle/>
          <a:p>
            <a:pPr algn="r"/>
            <a:r>
              <a:rPr lang="he-IL" dirty="0"/>
              <a:t>מוביל אחד לצוות</a:t>
            </a:r>
          </a:p>
        </p:txBody>
      </p:sp>
    </p:spTree>
    <p:extLst>
      <p:ext uri="{BB962C8B-B14F-4D97-AF65-F5344CB8AC3E}">
        <p14:creationId xmlns:p14="http://schemas.microsoft.com/office/powerpoint/2010/main" val="429252206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he-IL" b="1" dirty="0">
                <a:cs typeface="+mn-cs"/>
              </a:rPr>
              <a:t>הצגת הסימולציה המדינית-ביטחונית במחזור מ"ח</a:t>
            </a: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 rtl="1"/>
            <a:fld id="{CC4DF0E0-0A5A-491C-8CE2-7A2EFD5D9F6B}" type="slidenum">
              <a:rPr lang="he-IL">
                <a:solidFill>
                  <a:prstClr val="black">
                    <a:tint val="75000"/>
                  </a:prstClr>
                </a:solidFill>
                <a:latin typeface="Calibri"/>
                <a:cs typeface="Arial" panose="020B0604020202020204" pitchFamily="34" charset="0"/>
              </a:rPr>
              <a:pPr defTabSz="914400" rtl="1"/>
              <a:t>6</a:t>
            </a:fld>
            <a:endParaRPr lang="he-IL">
              <a:solidFill>
                <a:prstClr val="black">
                  <a:tint val="75000"/>
                </a:prstClr>
              </a:solidFill>
              <a:latin typeface="Calibri"/>
              <a:cs typeface="Arial" panose="020B0604020202020204" pitchFamily="34" charset="0"/>
            </a:endParaRPr>
          </a:p>
        </p:txBody>
      </p:sp>
      <p:pic>
        <p:nvPicPr>
          <p:cNvPr id="7" name="Content Placeholder 6" descr="A picture containing logo&#10;&#10;Description automatically generated">
            <a:extLst>
              <a:ext uri="{FF2B5EF4-FFF2-40B4-BE49-F238E27FC236}">
                <a16:creationId xmlns:a16="http://schemas.microsoft.com/office/drawing/2014/main" id="{E4AAC6CA-D234-4854-8F9A-52A27E13F60F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72922" y="1600201"/>
            <a:ext cx="8046156" cy="4525963"/>
          </a:xfrm>
        </p:spPr>
      </p:pic>
    </p:spTree>
    <p:extLst>
      <p:ext uri="{BB962C8B-B14F-4D97-AF65-F5344CB8AC3E}">
        <p14:creationId xmlns:p14="http://schemas.microsoft.com/office/powerpoint/2010/main" val="235792767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8" name="OTLSHAPE_M_e2f688a932a846e8a56ec8bf232837c5_Connector1"/>
          <p:cNvCxnSpPr/>
          <p:nvPr>
            <p:custDataLst>
              <p:tags r:id="rId2"/>
            </p:custDataLst>
          </p:nvPr>
        </p:nvCxnSpPr>
        <p:spPr>
          <a:xfrm>
            <a:off x="9288463" y="2638996"/>
            <a:ext cx="0" cy="442912"/>
          </a:xfrm>
          <a:prstGeom prst="line">
            <a:avLst/>
          </a:prstGeom>
          <a:ln w="4763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M_616f6ca4500944d0a6a308a142e3efe3_Connector1"/>
          <p:cNvCxnSpPr/>
          <p:nvPr>
            <p:custDataLst>
              <p:tags r:id="rId3"/>
            </p:custDataLst>
          </p:nvPr>
        </p:nvCxnSpPr>
        <p:spPr>
          <a:xfrm>
            <a:off x="8708708" y="1457326"/>
            <a:ext cx="0" cy="1590675"/>
          </a:xfrm>
          <a:prstGeom prst="line">
            <a:avLst/>
          </a:prstGeom>
          <a:ln w="4763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M_ffe002a4bc4d4c418528062a57961a74_Connector1"/>
          <p:cNvCxnSpPr/>
          <p:nvPr>
            <p:custDataLst>
              <p:tags r:id="rId4"/>
            </p:custDataLst>
          </p:nvPr>
        </p:nvCxnSpPr>
        <p:spPr>
          <a:xfrm flipH="1">
            <a:off x="8073317" y="858741"/>
            <a:ext cx="1588" cy="2274887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M_51bed3d5ee1242f2afda34d7e5257104_Connector2"/>
          <p:cNvCxnSpPr/>
          <p:nvPr>
            <p:custDataLst>
              <p:tags r:id="rId5"/>
            </p:custDataLst>
          </p:nvPr>
        </p:nvCxnSpPr>
        <p:spPr>
          <a:xfrm>
            <a:off x="7513638" y="2663826"/>
            <a:ext cx="0" cy="384175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M_51bed3d5ee1242f2afda34d7e5257104_Connector1"/>
          <p:cNvCxnSpPr/>
          <p:nvPr>
            <p:custDataLst>
              <p:tags r:id="rId6"/>
            </p:custDataLst>
          </p:nvPr>
        </p:nvCxnSpPr>
        <p:spPr>
          <a:xfrm flipH="1">
            <a:off x="7511026" y="1933936"/>
            <a:ext cx="13883" cy="760407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580fd0866df84c869d49b706fb0d9c36_Connector1"/>
          <p:cNvCxnSpPr/>
          <p:nvPr>
            <p:custDataLst>
              <p:tags r:id="rId7"/>
            </p:custDataLst>
          </p:nvPr>
        </p:nvCxnSpPr>
        <p:spPr>
          <a:xfrm>
            <a:off x="6778625" y="930276"/>
            <a:ext cx="1588" cy="2117725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31ba01d2fa214bd88fb503bb94b3ce8f_Connector1"/>
          <p:cNvCxnSpPr/>
          <p:nvPr>
            <p:custDataLst>
              <p:tags r:id="rId8"/>
            </p:custDataLst>
          </p:nvPr>
        </p:nvCxnSpPr>
        <p:spPr>
          <a:xfrm>
            <a:off x="5217562" y="2108770"/>
            <a:ext cx="0" cy="895350"/>
          </a:xfrm>
          <a:prstGeom prst="line">
            <a:avLst/>
          </a:prstGeom>
          <a:ln w="4763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58b8d83a4b5949928f9f8dea1ccbd57f_Connector1"/>
          <p:cNvCxnSpPr/>
          <p:nvPr>
            <p:custDataLst>
              <p:tags r:id="rId9"/>
            </p:custDataLst>
          </p:nvPr>
        </p:nvCxnSpPr>
        <p:spPr>
          <a:xfrm>
            <a:off x="3124835" y="2605088"/>
            <a:ext cx="0" cy="442912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OTLSHAPE_TB_00000000000000000000000000000000_LeftEndCaps"/>
          <p:cNvSpPr txBox="1"/>
          <p:nvPr>
            <p:custDataLst>
              <p:tags r:id="rId10"/>
            </p:custDataLst>
          </p:nvPr>
        </p:nvSpPr>
        <p:spPr>
          <a:xfrm>
            <a:off x="1843428" y="3100001"/>
            <a:ext cx="448585" cy="276999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 defTabSz="914400" rtl="1">
              <a:defRPr/>
            </a:pPr>
            <a:r>
              <a:rPr lang="en-US" b="1" spc="-38" dirty="0">
                <a:solidFill>
                  <a:srgbClr val="C0504D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42" name="OTLSHAPE_TB_00000000000000000000000000000000_RightEndCaps"/>
          <p:cNvSpPr txBox="1"/>
          <p:nvPr>
            <p:custDataLst>
              <p:tags r:id="rId11"/>
            </p:custDataLst>
          </p:nvPr>
        </p:nvSpPr>
        <p:spPr>
          <a:xfrm>
            <a:off x="9888878" y="3100001"/>
            <a:ext cx="448585" cy="276999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 defTabSz="914400" rtl="1">
              <a:defRPr/>
            </a:pPr>
            <a:r>
              <a:rPr lang="en-US" b="1" spc="-38" dirty="0">
                <a:solidFill>
                  <a:srgbClr val="C0504D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43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2457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55000" cap="flat" cmpd="thickThin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914400" rtl="1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46" name="OTLSHAPE_TB_00000000000000000000000000000000_TodayMarkerText"/>
          <p:cNvSpPr txBox="1"/>
          <p:nvPr>
            <p:custDataLst>
              <p:tags r:id="rId13"/>
            </p:custDataLst>
          </p:nvPr>
        </p:nvSpPr>
        <p:spPr>
          <a:xfrm>
            <a:off x="3194050" y="3556000"/>
            <a:ext cx="368300" cy="185738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 defTabSz="914400" rtl="1">
              <a:defRPr/>
            </a:pPr>
            <a:r>
              <a:rPr lang="en-US" sz="1200" spc="-14">
                <a:solidFill>
                  <a:prstClr val="black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47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2746376" y="3136901"/>
            <a:ext cx="219075" cy="187325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 algn="r" defTabSz="914400" rtl="1">
              <a:defRPr/>
            </a:pPr>
            <a:r>
              <a:rPr lang="he-IL" sz="1200" spc="-20" dirty="0">
                <a:solidFill>
                  <a:prstClr val="white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ינואר</a:t>
            </a:r>
            <a:endParaRPr lang="en-US" sz="1200" spc="-20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cxnSp>
        <p:nvCxnSpPr>
          <p:cNvPr id="48" name="OTLSHAPE_TB_00000000000000000000000000000000_Separator1"/>
          <p:cNvCxnSpPr/>
          <p:nvPr>
            <p:custDataLst>
              <p:tags r:id="rId15"/>
            </p:custDataLst>
          </p:nvPr>
        </p:nvCxnSpPr>
        <p:spPr>
          <a:xfrm>
            <a:off x="5910263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" name="OTLSHAPE_M_58b8d83a4b5949928f9f8dea1ccbd57f_Title"/>
          <p:cNvSpPr txBox="1"/>
          <p:nvPr>
            <p:custDataLst>
              <p:tags r:id="rId16"/>
            </p:custDataLst>
          </p:nvPr>
        </p:nvSpPr>
        <p:spPr>
          <a:xfrm>
            <a:off x="2604135" y="1627488"/>
            <a:ext cx="1041400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914400" rtl="1">
              <a:defRPr/>
            </a:pPr>
            <a:r>
              <a:rPr lang="he-IL" sz="1400" b="1" spc="-24" dirty="0">
                <a:solidFill>
                  <a:prstClr val="black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מפגש התנעה מובילים</a:t>
            </a:r>
            <a:endParaRPr lang="en-US" sz="1400" b="1" spc="-24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M_58b8d83a4b5949928f9f8dea1ccbd57f_Date"/>
          <p:cNvSpPr txBox="1"/>
          <p:nvPr>
            <p:custDataLst>
              <p:tags r:id="rId17"/>
            </p:custDataLst>
          </p:nvPr>
        </p:nvSpPr>
        <p:spPr>
          <a:xfrm>
            <a:off x="2686050" y="2161286"/>
            <a:ext cx="793763" cy="214313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algn="r" defTabSz="914400" rtl="1"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05.01.21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M_58b8d83a4b5949928f9f8dea1ccbd57f_Shape"/>
          <p:cNvSpPr/>
          <p:nvPr>
            <p:custDataLst>
              <p:tags r:id="rId18"/>
            </p:custDataLst>
          </p:nvPr>
        </p:nvSpPr>
        <p:spPr>
          <a:xfrm rot="16200000">
            <a:off x="3085465" y="2473896"/>
            <a:ext cx="165100" cy="165100"/>
          </a:xfrm>
          <a:prstGeom prst="flowChartMerge">
            <a:avLst/>
          </a:prstGeom>
          <a:solidFill>
            <a:srgbClr val="1AAA4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914400" rtl="1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62" name="OTLSHAPE_M_31ba01d2fa214bd88fb503bb94b3ce8f_Title"/>
          <p:cNvSpPr txBox="1"/>
          <p:nvPr>
            <p:custDataLst>
              <p:tags r:id="rId19"/>
            </p:custDataLst>
          </p:nvPr>
        </p:nvSpPr>
        <p:spPr>
          <a:xfrm>
            <a:off x="4531520" y="1181654"/>
            <a:ext cx="1546225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914400" rtl="1">
              <a:defRPr/>
            </a:pPr>
            <a:r>
              <a:rPr lang="he-IL" sz="1400" b="1" spc="-24" dirty="0">
                <a:solidFill>
                  <a:prstClr val="black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תחילת טעינה לסימולציה</a:t>
            </a:r>
            <a:endParaRPr lang="en-US" sz="1400" b="1" spc="-24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M_31ba01d2fa214bd88fb503bb94b3ce8f_Date"/>
          <p:cNvSpPr txBox="1"/>
          <p:nvPr>
            <p:custDataLst>
              <p:tags r:id="rId20"/>
            </p:custDataLst>
          </p:nvPr>
        </p:nvSpPr>
        <p:spPr>
          <a:xfrm>
            <a:off x="4804888" y="1709862"/>
            <a:ext cx="828675" cy="153888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r" defTabSz="914400" rtl="1">
              <a:defRPr/>
            </a:pPr>
            <a:r>
              <a:rPr lang="he-IL" sz="1000" spc="-8" dirty="0">
                <a:solidFill>
                  <a:srgbClr val="1F497E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20.01.21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M_31ba01d2fa214bd88fb503bb94b3ce8f_Shape"/>
          <p:cNvSpPr/>
          <p:nvPr>
            <p:custDataLst>
              <p:tags r:id="rId21"/>
            </p:custDataLst>
          </p:nvPr>
        </p:nvSpPr>
        <p:spPr>
          <a:xfrm rot="16200000">
            <a:off x="5152073" y="1996185"/>
            <a:ext cx="165100" cy="165100"/>
          </a:xfrm>
          <a:prstGeom prst="flowChartMerge">
            <a:avLst/>
          </a:prstGeom>
          <a:solidFill>
            <a:schemeClr val="accent1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914400" rtl="1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65" name="OTLSHAPE_M_580fd0866df84c869d49b706fb0d9c36_Title"/>
          <p:cNvSpPr txBox="1"/>
          <p:nvPr>
            <p:custDataLst>
              <p:tags r:id="rId22"/>
            </p:custDataLst>
          </p:nvPr>
        </p:nvSpPr>
        <p:spPr>
          <a:xfrm>
            <a:off x="6065839" y="175877"/>
            <a:ext cx="1520825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r" defTabSz="914400" rtl="1">
              <a:defRPr/>
            </a:pPr>
            <a:r>
              <a:rPr lang="he-IL" sz="1400" b="1" spc="-24" dirty="0">
                <a:solidFill>
                  <a:prstClr val="black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הכנות קבוצות לסימולציה ומסדרים</a:t>
            </a:r>
            <a:endParaRPr lang="en-US" sz="1400" b="1" spc="-24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M_580fd0866df84c869d49b706fb0d9c36_Date"/>
          <p:cNvSpPr txBox="1"/>
          <p:nvPr>
            <p:custDataLst>
              <p:tags r:id="rId23"/>
            </p:custDataLst>
          </p:nvPr>
        </p:nvSpPr>
        <p:spPr>
          <a:xfrm>
            <a:off x="6205246" y="549503"/>
            <a:ext cx="968668" cy="215444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algn="r" defTabSz="914400" rtl="1"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15-21-22.2.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M_580fd0866df84c869d49b706fb0d9c36_Shape"/>
          <p:cNvSpPr/>
          <p:nvPr>
            <p:custDataLst>
              <p:tags r:id="rId24"/>
            </p:custDataLst>
          </p:nvPr>
        </p:nvSpPr>
        <p:spPr>
          <a:xfrm rot="16200000">
            <a:off x="6784536" y="764704"/>
            <a:ext cx="165100" cy="165100"/>
          </a:xfrm>
          <a:prstGeom prst="flowChartMerge">
            <a:avLst/>
          </a:prstGeom>
          <a:solidFill>
            <a:schemeClr val="accent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914400" rtl="1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68" name="OTLSHAPE_M_51bed3d5ee1242f2afda34d7e5257104_Title"/>
          <p:cNvSpPr txBox="1"/>
          <p:nvPr>
            <p:custDataLst>
              <p:tags r:id="rId25"/>
            </p:custDataLst>
          </p:nvPr>
        </p:nvSpPr>
        <p:spPr>
          <a:xfrm>
            <a:off x="7751763" y="274638"/>
            <a:ext cx="1536700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r" defTabSz="914400" rtl="1">
              <a:defRPr/>
            </a:pPr>
            <a:r>
              <a:rPr lang="he-IL" sz="1400" b="1" spc="-24" dirty="0">
                <a:solidFill>
                  <a:prstClr val="black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אקט סימולציה מרכזי</a:t>
            </a:r>
            <a:endParaRPr lang="en-US" sz="1400" b="1" spc="-24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M_51bed3d5ee1242f2afda34d7e5257104_Date"/>
          <p:cNvSpPr txBox="1"/>
          <p:nvPr>
            <p:custDataLst>
              <p:tags r:id="rId26"/>
            </p:custDataLst>
          </p:nvPr>
        </p:nvSpPr>
        <p:spPr>
          <a:xfrm>
            <a:off x="7819587" y="545223"/>
            <a:ext cx="1437298" cy="215444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algn="r" defTabSz="914400" rtl="1"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23-24.02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M_51bed3d5ee1242f2afda34d7e5257104_Shape"/>
          <p:cNvSpPr/>
          <p:nvPr>
            <p:custDataLst>
              <p:tags r:id="rId27"/>
            </p:custDataLst>
          </p:nvPr>
        </p:nvSpPr>
        <p:spPr>
          <a:xfrm rot="16200000">
            <a:off x="7481209" y="1698821"/>
            <a:ext cx="171527" cy="146836"/>
          </a:xfrm>
          <a:prstGeom prst="flowChartMerge">
            <a:avLst/>
          </a:prstGeom>
          <a:solidFill>
            <a:schemeClr val="accent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914400" rtl="1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73" name="OTLSHAPE_M_ffe002a4bc4d4c418528062a57961a74_Shape"/>
          <p:cNvSpPr/>
          <p:nvPr>
            <p:custDataLst>
              <p:tags r:id="rId28"/>
            </p:custDataLst>
          </p:nvPr>
        </p:nvSpPr>
        <p:spPr>
          <a:xfrm rot="16200000">
            <a:off x="8041265" y="737482"/>
            <a:ext cx="175278" cy="243937"/>
          </a:xfrm>
          <a:prstGeom prst="flowChartMerge">
            <a:avLst/>
          </a:prstGeom>
          <a:solidFill>
            <a:schemeClr val="accent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914400" rtl="1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74" name="OTLSHAPE_M_616f6ca4500944d0a6a308a142e3efe3_Title"/>
          <p:cNvSpPr txBox="1"/>
          <p:nvPr>
            <p:custDataLst>
              <p:tags r:id="rId29"/>
            </p:custDataLst>
          </p:nvPr>
        </p:nvSpPr>
        <p:spPr>
          <a:xfrm>
            <a:off x="8266113" y="944563"/>
            <a:ext cx="1143000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r" defTabSz="914400" rtl="1">
              <a:defRPr/>
            </a:pPr>
            <a:r>
              <a:rPr lang="he-IL" sz="1400" b="1" spc="-24" dirty="0">
                <a:solidFill>
                  <a:prstClr val="black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"הרמת מסך"</a:t>
            </a:r>
            <a:endParaRPr lang="en-US" sz="1400" b="1" spc="-24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M_616f6ca4500944d0a6a308a142e3efe3_Date"/>
          <p:cNvSpPr txBox="1"/>
          <p:nvPr>
            <p:custDataLst>
              <p:tags r:id="rId30"/>
            </p:custDataLst>
          </p:nvPr>
        </p:nvSpPr>
        <p:spPr>
          <a:xfrm>
            <a:off x="8139114" y="1225550"/>
            <a:ext cx="1004887" cy="215900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algn="r" defTabSz="914400" rtl="1"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25.02.21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M_616f6ca4500944d0a6a308a142e3efe3_Shape"/>
          <p:cNvSpPr/>
          <p:nvPr>
            <p:custDataLst>
              <p:tags r:id="rId31"/>
            </p:custDataLst>
          </p:nvPr>
        </p:nvSpPr>
        <p:spPr>
          <a:xfrm rot="16200000">
            <a:off x="8655208" y="1470894"/>
            <a:ext cx="165100" cy="165100"/>
          </a:xfrm>
          <a:prstGeom prst="flowChartMerge">
            <a:avLst/>
          </a:prstGeom>
          <a:solidFill>
            <a:schemeClr val="accent5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914400" rtl="1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77" name="OTLSHAPE_M_e2f688a932a846e8a56ec8bf232837c5_Title"/>
          <p:cNvSpPr txBox="1"/>
          <p:nvPr>
            <p:custDataLst>
              <p:tags r:id="rId32"/>
            </p:custDataLst>
          </p:nvPr>
        </p:nvSpPr>
        <p:spPr>
          <a:xfrm>
            <a:off x="8266113" y="2187575"/>
            <a:ext cx="1739900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r" defTabSz="914400" rtl="1">
              <a:defRPr/>
            </a:pPr>
            <a:r>
              <a:rPr lang="he-IL" sz="1400" b="1" spc="-24" dirty="0">
                <a:solidFill>
                  <a:prstClr val="black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ערב </a:t>
            </a:r>
            <a:r>
              <a:rPr lang="he-IL" sz="1400" b="1" spc="-24" dirty="0" err="1">
                <a:solidFill>
                  <a:prstClr val="black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מב"ל</a:t>
            </a:r>
            <a:r>
              <a:rPr lang="he-IL" sz="1400" b="1" spc="-24" dirty="0">
                <a:solidFill>
                  <a:prstClr val="black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 בנות זוג</a:t>
            </a:r>
            <a:endParaRPr lang="en-US" sz="1400" b="1" spc="-24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M_e2f688a932a846e8a56ec8bf232837c5_Shape"/>
          <p:cNvSpPr/>
          <p:nvPr>
            <p:custDataLst>
              <p:tags r:id="rId33"/>
            </p:custDataLst>
          </p:nvPr>
        </p:nvSpPr>
        <p:spPr>
          <a:xfrm rot="16200000">
            <a:off x="9260062" y="2620344"/>
            <a:ext cx="165100" cy="165100"/>
          </a:xfrm>
          <a:prstGeom prst="flowChartMerge">
            <a:avLst/>
          </a:prstGeom>
          <a:solidFill>
            <a:schemeClr val="accent6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914400" rtl="1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graphicFrame>
        <p:nvGraphicFramePr>
          <p:cNvPr id="110" name="דיאגרמה 412"/>
          <p:cNvGraphicFramePr/>
          <p:nvPr/>
        </p:nvGraphicFramePr>
        <p:xfrm>
          <a:off x="1051721" y="3610945"/>
          <a:ext cx="9508775" cy="366451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4" r:lo="rId45" r:qs="rId46" r:cs="rId47"/>
          </a:graphicData>
        </a:graphic>
      </p:graphicFrame>
      <p:sp>
        <p:nvSpPr>
          <p:cNvPr id="111" name="Rounded Rectangle 110"/>
          <p:cNvSpPr/>
          <p:nvPr/>
        </p:nvSpPr>
        <p:spPr>
          <a:xfrm>
            <a:off x="8405814" y="5167313"/>
            <a:ext cx="2109787" cy="9144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914400" rtl="1">
              <a:defRPr/>
            </a:pPr>
            <a:r>
              <a:rPr lang="he-IL" sz="1600" b="1" u="sng" dirty="0">
                <a:solidFill>
                  <a:prstClr val="white"/>
                </a:solidFill>
                <a:latin typeface="Calibri"/>
                <a:cs typeface="Arial" panose="020B0604020202020204" pitchFamily="34" charset="0"/>
              </a:rPr>
              <a:t>שלב רפלקציה וסיכום</a:t>
            </a:r>
          </a:p>
          <a:p>
            <a:pPr algn="ctr" defTabSz="914400" rtl="1">
              <a:defRPr/>
            </a:pPr>
            <a:r>
              <a:rPr lang="he-IL" sz="1600" dirty="0">
                <a:solidFill>
                  <a:prstClr val="white"/>
                </a:solidFill>
                <a:latin typeface="Calibri"/>
                <a:cs typeface="Arial" panose="020B0604020202020204" pitchFamily="34" charset="0"/>
              </a:rPr>
              <a:t>מה למדנו?</a:t>
            </a:r>
          </a:p>
        </p:txBody>
      </p:sp>
      <p:sp>
        <p:nvSpPr>
          <p:cNvPr id="56" name="OTLSHAPE_TB_00000000000000000000000000000000_TimescaleInterval1"/>
          <p:cNvSpPr txBox="1"/>
          <p:nvPr>
            <p:custDataLst>
              <p:tags r:id="rId34"/>
            </p:custDataLst>
          </p:nvPr>
        </p:nvSpPr>
        <p:spPr>
          <a:xfrm>
            <a:off x="5549477" y="3159362"/>
            <a:ext cx="219075" cy="187325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 algn="r" defTabSz="914400" rtl="1">
              <a:defRPr/>
            </a:pPr>
            <a:r>
              <a:rPr lang="he-IL" sz="1200" spc="-20" dirty="0">
                <a:solidFill>
                  <a:prstClr val="white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פברואר</a:t>
            </a:r>
            <a:endParaRPr lang="en-US" sz="1200" spc="-20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cxnSp>
        <p:nvCxnSpPr>
          <p:cNvPr id="71" name="OTLSHAPE_M_58b8d83a4b5949928f9f8dea1ccbd57f_Connector1"/>
          <p:cNvCxnSpPr/>
          <p:nvPr>
            <p:custDataLst>
              <p:tags r:id="rId35"/>
            </p:custDataLst>
          </p:nvPr>
        </p:nvCxnSpPr>
        <p:spPr>
          <a:xfrm>
            <a:off x="4572000" y="2549472"/>
            <a:ext cx="0" cy="442912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TLSHAPE_M_58b8d83a4b5949928f9f8dea1ccbd57f_Date"/>
          <p:cNvSpPr txBox="1"/>
          <p:nvPr>
            <p:custDataLst>
              <p:tags r:id="rId36"/>
            </p:custDataLst>
          </p:nvPr>
        </p:nvSpPr>
        <p:spPr>
          <a:xfrm>
            <a:off x="3999949" y="2189163"/>
            <a:ext cx="793750" cy="214313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r" defTabSz="914400" rtl="1"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19.01.21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M_58b8d83a4b5949928f9f8dea1ccbd57f_Title"/>
          <p:cNvSpPr txBox="1"/>
          <p:nvPr>
            <p:custDataLst>
              <p:tags r:id="rId37"/>
            </p:custDataLst>
          </p:nvPr>
        </p:nvSpPr>
        <p:spPr>
          <a:xfrm>
            <a:off x="3802858" y="1642348"/>
            <a:ext cx="1041400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r" defTabSz="914400" rtl="1">
              <a:defRPr/>
            </a:pPr>
            <a:r>
              <a:rPr lang="he-IL" sz="1400" b="1" spc="-24" dirty="0">
                <a:solidFill>
                  <a:prstClr val="black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הכנות +תדריך</a:t>
            </a:r>
          </a:p>
          <a:p>
            <a:pPr algn="ctr" defTabSz="914400" rtl="1">
              <a:defRPr/>
            </a:pPr>
            <a:r>
              <a:rPr lang="he-IL" sz="1400" b="1" spc="-24" dirty="0">
                <a:solidFill>
                  <a:prstClr val="black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משתתפים</a:t>
            </a:r>
            <a:endParaRPr lang="en-US" sz="1400" b="1" spc="-24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cxnSp>
        <p:nvCxnSpPr>
          <p:cNvPr id="81" name="OTLSHAPE_M_31ba01d2fa214bd88fb503bb94b3ce8f_Connector1"/>
          <p:cNvCxnSpPr/>
          <p:nvPr>
            <p:custDataLst>
              <p:tags r:id="rId38"/>
            </p:custDataLst>
          </p:nvPr>
        </p:nvCxnSpPr>
        <p:spPr>
          <a:xfrm flipH="1">
            <a:off x="5867401" y="1073704"/>
            <a:ext cx="21257" cy="2079071"/>
          </a:xfrm>
          <a:prstGeom prst="line">
            <a:avLst/>
          </a:prstGeom>
          <a:ln w="4763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OTLSHAPE_M_31ba01d2fa214bd88fb503bb94b3ce8f_Shape"/>
          <p:cNvSpPr/>
          <p:nvPr>
            <p:custDataLst>
              <p:tags r:id="rId39"/>
            </p:custDataLst>
          </p:nvPr>
        </p:nvSpPr>
        <p:spPr>
          <a:xfrm rot="16200000">
            <a:off x="5806107" y="908603"/>
            <a:ext cx="165100" cy="165100"/>
          </a:xfrm>
          <a:prstGeom prst="flowChartMerge">
            <a:avLst/>
          </a:prstGeom>
          <a:solidFill>
            <a:schemeClr val="accent1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914400" rtl="1">
              <a:defRPr/>
            </a:pPr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83" name="OTLSHAPE_M_31ba01d2fa214bd88fb503bb94b3ce8f_Title"/>
          <p:cNvSpPr txBox="1"/>
          <p:nvPr>
            <p:custDataLst>
              <p:tags r:id="rId40"/>
            </p:custDataLst>
          </p:nvPr>
        </p:nvSpPr>
        <p:spPr>
          <a:xfrm>
            <a:off x="4592639" y="559857"/>
            <a:ext cx="1546225" cy="215444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914400" rtl="1">
              <a:defRPr/>
            </a:pPr>
            <a:r>
              <a:rPr lang="he-IL" sz="1400" b="1" spc="-24" dirty="0">
                <a:solidFill>
                  <a:prstClr val="black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הצגת תרחיש</a:t>
            </a:r>
            <a:endParaRPr lang="en-US" sz="1400" b="1" spc="-24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M_31ba01d2fa214bd88fb503bb94b3ce8f_Title"/>
          <p:cNvSpPr txBox="1"/>
          <p:nvPr>
            <p:custDataLst>
              <p:tags r:id="rId41"/>
            </p:custDataLst>
          </p:nvPr>
        </p:nvSpPr>
        <p:spPr>
          <a:xfrm>
            <a:off x="6675263" y="1039910"/>
            <a:ext cx="1546225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914400" rtl="1">
              <a:defRPr/>
            </a:pPr>
            <a:r>
              <a:rPr lang="he-IL" sz="1400" b="1" spc="-24" dirty="0">
                <a:solidFill>
                  <a:prstClr val="black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הצגת אסטרטגיה לאלוף</a:t>
            </a:r>
            <a:endParaRPr lang="en-US" sz="1400" b="1" spc="-24" dirty="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8" name="מציין מיקום של מספר שקופית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 rtl="1"/>
            <a:fld id="{CC4DF0E0-0A5A-491C-8CE2-7A2EFD5D9F6B}" type="slidenum">
              <a:rPr lang="he-IL">
                <a:solidFill>
                  <a:prstClr val="black">
                    <a:tint val="75000"/>
                  </a:prstClr>
                </a:solidFill>
                <a:latin typeface="Calibri"/>
                <a:cs typeface="Arial" panose="020B0604020202020204" pitchFamily="34" charset="0"/>
              </a:rPr>
              <a:pPr defTabSz="914400" rtl="1"/>
              <a:t>7</a:t>
            </a:fld>
            <a:endParaRPr lang="he-IL">
              <a:solidFill>
                <a:prstClr val="black">
                  <a:tint val="75000"/>
                </a:prstClr>
              </a:solidFill>
              <a:latin typeface="Calibri"/>
              <a:cs typeface="Arial" panose="020B0604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4174857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48630D-8B37-4A9B-9D48-42ACCC9BFA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21636" y="0"/>
            <a:ext cx="10760764" cy="864118"/>
          </a:xfrm>
        </p:spPr>
        <p:txBody>
          <a:bodyPr>
            <a:normAutofit/>
          </a:bodyPr>
          <a:lstStyle/>
          <a:p>
            <a:r>
              <a:rPr lang="he-IL" dirty="0"/>
              <a:t>שיבוץ סימולציה</a:t>
            </a:r>
          </a:p>
        </p:txBody>
      </p:sp>
      <p:graphicFrame>
        <p:nvGraphicFramePr>
          <p:cNvPr id="5" name="Table 5">
            <a:extLst>
              <a:ext uri="{FF2B5EF4-FFF2-40B4-BE49-F238E27FC236}">
                <a16:creationId xmlns:a16="http://schemas.microsoft.com/office/drawing/2014/main" id="{32E327B4-51D1-41A7-9ADB-1BD15E2C909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927647672"/>
              </p:ext>
            </p:extLst>
          </p:nvPr>
        </p:nvGraphicFramePr>
        <p:xfrm>
          <a:off x="291549" y="864118"/>
          <a:ext cx="10376451" cy="6212439"/>
        </p:xfrm>
        <a:graphic>
          <a:graphicData uri="http://schemas.openxmlformats.org/drawingml/2006/table">
            <a:tbl>
              <a:tblPr rtl="1" firstRow="1" bandRow="1">
                <a:tableStyleId>{5C22544A-7EE6-4342-B048-85BDC9FD1C3A}</a:tableStyleId>
              </a:tblPr>
              <a:tblGrid>
                <a:gridCol w="1110812">
                  <a:extLst>
                    <a:ext uri="{9D8B030D-6E8A-4147-A177-3AD203B41FA5}">
                      <a16:colId xmlns:a16="http://schemas.microsoft.com/office/drawing/2014/main" val="1794394363"/>
                    </a:ext>
                  </a:extLst>
                </a:gridCol>
                <a:gridCol w="964479">
                  <a:extLst>
                    <a:ext uri="{9D8B030D-6E8A-4147-A177-3AD203B41FA5}">
                      <a16:colId xmlns:a16="http://schemas.microsoft.com/office/drawing/2014/main" val="2499945649"/>
                    </a:ext>
                  </a:extLst>
                </a:gridCol>
                <a:gridCol w="1037645">
                  <a:extLst>
                    <a:ext uri="{9D8B030D-6E8A-4147-A177-3AD203B41FA5}">
                      <a16:colId xmlns:a16="http://schemas.microsoft.com/office/drawing/2014/main" val="2734756868"/>
                    </a:ext>
                  </a:extLst>
                </a:gridCol>
                <a:gridCol w="1037645">
                  <a:extLst>
                    <a:ext uri="{9D8B030D-6E8A-4147-A177-3AD203B41FA5}">
                      <a16:colId xmlns:a16="http://schemas.microsoft.com/office/drawing/2014/main" val="1542014345"/>
                    </a:ext>
                  </a:extLst>
                </a:gridCol>
                <a:gridCol w="1037645">
                  <a:extLst>
                    <a:ext uri="{9D8B030D-6E8A-4147-A177-3AD203B41FA5}">
                      <a16:colId xmlns:a16="http://schemas.microsoft.com/office/drawing/2014/main" val="863281553"/>
                    </a:ext>
                  </a:extLst>
                </a:gridCol>
                <a:gridCol w="1037645">
                  <a:extLst>
                    <a:ext uri="{9D8B030D-6E8A-4147-A177-3AD203B41FA5}">
                      <a16:colId xmlns:a16="http://schemas.microsoft.com/office/drawing/2014/main" val="4112323027"/>
                    </a:ext>
                  </a:extLst>
                </a:gridCol>
                <a:gridCol w="795528">
                  <a:extLst>
                    <a:ext uri="{9D8B030D-6E8A-4147-A177-3AD203B41FA5}">
                      <a16:colId xmlns:a16="http://schemas.microsoft.com/office/drawing/2014/main" val="97534222"/>
                    </a:ext>
                  </a:extLst>
                </a:gridCol>
                <a:gridCol w="1174668">
                  <a:extLst>
                    <a:ext uri="{9D8B030D-6E8A-4147-A177-3AD203B41FA5}">
                      <a16:colId xmlns:a16="http://schemas.microsoft.com/office/drawing/2014/main" val="960676221"/>
                    </a:ext>
                  </a:extLst>
                </a:gridCol>
                <a:gridCol w="1142739">
                  <a:extLst>
                    <a:ext uri="{9D8B030D-6E8A-4147-A177-3AD203B41FA5}">
                      <a16:colId xmlns:a16="http://schemas.microsoft.com/office/drawing/2014/main" val="2844704371"/>
                    </a:ext>
                  </a:extLst>
                </a:gridCol>
                <a:gridCol w="1037645">
                  <a:extLst>
                    <a:ext uri="{9D8B030D-6E8A-4147-A177-3AD203B41FA5}">
                      <a16:colId xmlns:a16="http://schemas.microsoft.com/office/drawing/2014/main" val="1023313853"/>
                    </a:ext>
                  </a:extLst>
                </a:gridCol>
              </a:tblGrid>
              <a:tr h="581912">
                <a:tc>
                  <a:txBody>
                    <a:bodyPr/>
                    <a:lstStyle/>
                    <a:p>
                      <a:pPr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400" dirty="0"/>
                        <a:t>ישרא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400" dirty="0"/>
                        <a:t>ארה"ב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400" dirty="0"/>
                        <a:t>רש"פ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400" dirty="0"/>
                        <a:t>חמאס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400" dirty="0"/>
                        <a:t>מצרים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400" dirty="0"/>
                        <a:t>ירדן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400" dirty="0"/>
                        <a:t>טורקיה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400" dirty="0"/>
                        <a:t>אמירויות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400" dirty="0"/>
                        <a:t>סעודיה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77284022"/>
                  </a:ext>
                </a:extLst>
              </a:tr>
              <a:tr h="581912">
                <a:tc>
                  <a:txBody>
                    <a:bodyPr/>
                    <a:lstStyle/>
                    <a:p>
                      <a:pPr rtl="1"/>
                      <a:r>
                        <a:rPr lang="he-IL" sz="1400" dirty="0"/>
                        <a:t>מדריך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90083941"/>
                  </a:ext>
                </a:extLst>
              </a:tr>
              <a:tr h="581912">
                <a:tc>
                  <a:txBody>
                    <a:bodyPr/>
                    <a:lstStyle/>
                    <a:p>
                      <a:pPr rtl="1"/>
                      <a:r>
                        <a:rPr lang="he-IL" sz="1400" dirty="0"/>
                        <a:t>מוביל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31015094"/>
                  </a:ext>
                </a:extLst>
              </a:tr>
              <a:tr h="727299">
                <a:tc>
                  <a:txBody>
                    <a:bodyPr/>
                    <a:lstStyle/>
                    <a:p>
                      <a:pPr rtl="1"/>
                      <a:r>
                        <a:rPr lang="he-IL" sz="1400" dirty="0"/>
                        <a:t>משתתפים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15725472"/>
                  </a:ext>
                </a:extLst>
              </a:tr>
              <a:tr h="581912"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57582371"/>
                  </a:ext>
                </a:extLst>
              </a:tr>
              <a:tr h="581912"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52948787"/>
                  </a:ext>
                </a:extLst>
              </a:tr>
              <a:tr h="581912"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26787392"/>
                  </a:ext>
                </a:extLst>
              </a:tr>
              <a:tr h="581912"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36242355"/>
                  </a:ext>
                </a:extLst>
              </a:tr>
              <a:tr h="581912"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endParaRPr lang="he-IL" sz="14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27886340"/>
                  </a:ext>
                </a:extLst>
              </a:tr>
              <a:tr h="829844">
                <a:tc>
                  <a:txBody>
                    <a:bodyPr/>
                    <a:lstStyle/>
                    <a:p>
                      <a:pPr rtl="1"/>
                      <a:r>
                        <a:rPr lang="he-IL" sz="1400" dirty="0"/>
                        <a:t>חדר עבודה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400" dirty="0"/>
                        <a:t>כיתה 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400" dirty="0"/>
                        <a:t>כיתה 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400" dirty="0"/>
                        <a:t>כיתה 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400" dirty="0"/>
                        <a:t>כיתה 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400" dirty="0"/>
                        <a:t>חדר אירוח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400" dirty="0"/>
                        <a:t>חדר אירוח 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400" dirty="0"/>
                        <a:t>ספריה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400" dirty="0"/>
                        <a:t>תאלים 1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400" dirty="0"/>
                        <a:t>תאלים 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47450387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1E12DC3-7EB1-4419-B5C8-200E750843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400" rtl="1"/>
            <a:fld id="{CC4DF0E0-0A5A-491C-8CE2-7A2EFD5D9F6B}" type="slidenum">
              <a:rPr lang="he-IL">
                <a:solidFill>
                  <a:prstClr val="black">
                    <a:tint val="75000"/>
                  </a:prstClr>
                </a:solidFill>
                <a:latin typeface="Calibri"/>
                <a:cs typeface="Arial" panose="020B0604020202020204" pitchFamily="34" charset="0"/>
              </a:rPr>
              <a:pPr defTabSz="914400" rtl="1"/>
              <a:t>8</a:t>
            </a:fld>
            <a:endParaRPr lang="he-IL">
              <a:solidFill>
                <a:prstClr val="black">
                  <a:tint val="75000"/>
                </a:prstClr>
              </a:solidFill>
              <a:latin typeface="Calibri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8663574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k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3LTAyLTEzVDIzOjU5OjU5Ljk5OVoiLCJFbmREYXRlIjoiMjAxNy0wMy0yMVQyMzo1OTo1OS45OTlaIiwiRm9ybWF0IjoiTU1NIiwiVHlwZSI6MiwiQXV0b0RhdGVSYW5nZSI6dHJ1ZSwiV29ya2luZ0RheXMiOjMxLCJUb2RheU1hcmtlclRleHQiOiJUb2RheSIsIkF1dG9TY2FsZVR5cGUiOnRydWV9LCJNaWxlc3RvbmVzIjpbeyIkaWQiOiIxMjMiLCJEYXRlIjoiMjAxNy0wMi0xM1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I2LCJHIjoxNzAsIkIiOjY2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NiwiRyI6MTcwLCJCIjo2Nn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TYwNjc5MDA2Njk0Mjc1NjUsIklzQ3VzdG9tIjp0cnVlfSwiSWQiOiIzMWJhMDFkMi1mYTIxLTRiZDgtOGZiNS0wM2JiOTRiM2NlOGYiLCJJbXBvcnRJZCI6bnVsbCwiVGl0bGUiOiLXlNem15LXqiDXqteV16bXqNeZ150g15Un16fXkdeo16DXmCIsIk5vdGUiOm51bGwsIkh5cGVybGluayI6bnVsbCwiSXNDaGFuZ2VkIjpmYWxzZSwiSXNOZXciOmZhbHNlfSx7IiRpZCI6IjE1MyIsIkRhdGUiOiIyMDE3LTAzLTA3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MjE4LCJHIjozMSwiQiI6NDB9fSwiTGluZVdlaWdodCI6MS4wLCJMaW5lVHlwZSI6MCwiUGFyZW50U3R5bGUiOnsiJHJlZiI6IjU1In19LCJJc0JlbG93VGltZWJhbmQiOmZhbHNlLCJIaWRlRGF0ZSI6ZmFsc2UsIlNoYXBlU2l6ZSI6MSwiU3BhY2luZyI6MS4wLCJQYWRkaW5nIjp7IiRyZWYiOiI1OCJ9LCJTaGFwZVN0eWxlIjp7IiRpZCI6IjE1OCIsIk1hcmdpbiI6eyIkcmVmIjoiNjAifSwiUGFkZGluZyI6eyIkcmVmIjoiNjEifSwiQmFja2dyb3VuZCI6eyIkaWQiOiIxNTkiLCJDb2xvciI6eyIkaWQiOiIxNjAiLCJBIjoyNTUsIlIiOjIxOCwiRyI6MzEsIkIiOjQw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JSYXRpbyI6MC4zNjMxNTUwOTg0MzIzNzYwMywiSXNDdXN0b20iOnRydWV9LCJJZCI6IjU4MGZkMDg2LTZkZjgtNGM4Ni05ZDQ5LWI3MDZmYjBkOWMzNiIsIkltcG9ydElkIjpudWxsLCJUaXRsZSI6IteQ16fXmCDXodeZ157Xldec16bXmdeUIDEiLCJOb3RlIjpudWxsLCJIeXBlcmxpbmsiOm51bGwsIklzQ2hhbmdlZCI6ZmFsc2UsIklzTmV3IjpmYWxzZX0seyIkaWQiOiIxNjgiLCJEYXRlIjoiMjAxNy0wMy0xNF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IxOCwiRyI6MzEsIkIiOjQwfX0sIkxpbmVXZWlnaHQiOjEuMCwiTGluZVR5cGUiOjAsIlBhcmVudFN0eWxlIjp7IiRyZWYiOiI1NSJ9fSwiSXNCZWxvd1RpbWViYW5kIjpmYWxzZSwiSGlkZURhdGUiOmZhbHNlLCJTaGFwZVNpemUiOjEsIlNwYWNpbmciOjEuMCwiUGFkZGluZyI6eyIkcmVmIjoiNTgifSwiU2hhcGVTdHlsZSI6eyIkaWQiOiIxNzMiLCJNYXJnaW4iOnsiJHJlZiI6IjYwIn0sIlBhZGRpbmciOnsiJHJlZiI6IjYxIn0sIkJhY2tncm91bmQiOnsiJGlkIjoiMTc0IiwiQ29sb3IiOnsiJGlkIjoiMTc1IiwiQSI6MjU1LCJSIjoyMTgsIkciOjMxLCJCIjo0MH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CIsIkxpbmVDb2xvciI6bnVsbCwiTGluZVdlaWdodCI6MC4wLCJMaW5lVHlwZSI6MCwiUGFyZW50U3R5bGUiOm51bGx9LCJQYXJlbnRTdHlsZSI6eyIkcmVmIjoiNjUifX0sIkRhdGVTdHlsZSI6eyIkaWQiOiIxOTUiLCJGb250U2V0dGluZ3MiOnsiJGlkIjoiMTk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DkiLCJMaW5lQ29sb3IiOm51bGwsIkxpbmVXZWlnaHQiOjAuMCwiTGluZVR5cGUiOjAsIlBhcmVudFN0eWxlIjpudWxsfSwiUGFyZW50U3R5bGUiOnsiJHJlZiI6IjY1In19LCJEYXRlU3R5bGUiOnsiJGlkIjoiMjEwIiwiRm9udFNldHRpbmdzIjp7IiRpZCI6IjIx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I0IiwiTGluZUNvbG9yIjpudWxsLCJMaW5lV2VpZ2h0IjowLjAsIkxpbmVUeXBlIjowLCJQYXJlbnRTdHlsZSI6bnVsbH0sIlBhcmVudFN0eWxlIjp7IiRyZWYiOiI2NSJ9fSwiRGF0ZVN0eWxlIjp7IiRpZCI6IjIyNSIsIkZvbnRTZXR0aW5ncyI6eyIkaWQiOiIyM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lMmY2ODhhOS0zMmE4LTQ2ZTgtYTU2ZS1jOGJmMjMyODM3YzUiLCJJbXBvcnRJZCI6bnVsbCwiVGl0bGUiOiLXqNek15zXp9em15nXlCDXldeU16bXkteqINeq15XXpteo15nXnSIsIk5vdGUiOm51bGwsIkh5cGVybGluayI6bnVsbCwiSXNDaGFuZ2VkIjpmYWxzZSwiSXNOZXciOmZhbHNlfV0sIlRhc2tzIjpbXSwiTXNQcm9qZWN0SXRlbXNUcmVlIjp7IiRpZCI6IjIyOCIsIlJvb3QiOnsiSW1wb3J0SWQiOm51bGwsIklzSW1wb3J0ZWQiOmZhbHNlLCJDaGlsZHJlbiI6W119fSwiTWV0YWRhdGEiOnsiJGlkIjoiMjI5In0sIlNldHRpbmdzIjp7IiRpZCI6IjIzMCIsIkltcGFPcHRpb25zIjp7IiRpZCI6IjIzM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JuxtaposeVTI">
  <a:themeElements>
    <a:clrScheme name="AnalogousFromRegularSeedRightStep">
      <a:dk1>
        <a:srgbClr val="000000"/>
      </a:dk1>
      <a:lt1>
        <a:srgbClr val="FFFFFF"/>
      </a:lt1>
      <a:dk2>
        <a:srgbClr val="1F2636"/>
      </a:dk2>
      <a:lt2>
        <a:srgbClr val="E8E2E5"/>
      </a:lt2>
      <a:accent1>
        <a:srgbClr val="3AB570"/>
      </a:accent1>
      <a:accent2>
        <a:srgbClr val="2EB4A0"/>
      </a:accent2>
      <a:accent3>
        <a:srgbClr val="42A8CE"/>
      </a:accent3>
      <a:accent4>
        <a:srgbClr val="305CBC"/>
      </a:accent4>
      <a:accent5>
        <a:srgbClr val="5042CE"/>
      </a:accent5>
      <a:accent6>
        <a:srgbClr val="7930BC"/>
      </a:accent6>
      <a:hlink>
        <a:srgbClr val="BF3F87"/>
      </a:hlink>
      <a:folHlink>
        <a:srgbClr val="7F7F7F"/>
      </a:folHlink>
    </a:clrScheme>
    <a:fontScheme name="Custom 167">
      <a:majorFont>
        <a:latin typeface="Franklin Gothic Demi Cond"/>
        <a:ea typeface=""/>
        <a:cs typeface=""/>
      </a:majorFont>
      <a:minorFont>
        <a:latin typeface="Franklin Gothic Medium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JuxtaposeVTI" id="{FBDCC3B4-6EA8-442A-B697-43C068E31FE3}" vid="{090F2E09-E4E2-4F71-A70E-279F5A0D9E0A}"/>
    </a:ext>
  </a:extLst>
</a:theme>
</file>

<file path=ppt/theme/theme2.xml><?xml version="1.0" encoding="utf-8"?>
<a:theme xmlns:a="http://schemas.openxmlformats.org/drawingml/2006/main" name="ערכת נושא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F00001241</Template>
  <TotalTime>30</TotalTime>
  <Words>184</Words>
  <Application>Microsoft Office PowerPoint</Application>
  <PresentationFormat>Widescreen</PresentationFormat>
  <Paragraphs>78</Paragraphs>
  <Slides>8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8</vt:i4>
      </vt:variant>
    </vt:vector>
  </HeadingPairs>
  <TitlesOfParts>
    <vt:vector size="16" baseType="lpstr">
      <vt:lpstr>Arial</vt:lpstr>
      <vt:lpstr>Calibri</vt:lpstr>
      <vt:lpstr>David</vt:lpstr>
      <vt:lpstr>Franklin Gothic Demi Cond</vt:lpstr>
      <vt:lpstr>Franklin Gothic Medium</vt:lpstr>
      <vt:lpstr>Wingdings</vt:lpstr>
      <vt:lpstr>JuxtaposeVTI</vt:lpstr>
      <vt:lpstr>ערכת נושא Office</vt:lpstr>
      <vt:lpstr>דיון סגל  ציר האסטרטגיה</vt:lpstr>
      <vt:lpstr>התנסות ראשונה- זירה צפונית</vt:lpstr>
      <vt:lpstr> Dieselgate</vt:lpstr>
      <vt:lpstr>רצח נשים ואלימות במשפחה</vt:lpstr>
      <vt:lpstr>משולב</vt:lpstr>
      <vt:lpstr>הצגת הסימולציה המדינית-ביטחונית במחזור מ"ח</vt:lpstr>
      <vt:lpstr>PowerPoint Presentation</vt:lpstr>
      <vt:lpstr>שיבוץ סימולציה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מצגת של PowerPoint‏</dc:title>
  <dc:creator/>
  <cp:lastModifiedBy>יהודה יוחננוף</cp:lastModifiedBy>
  <cp:revision>178</cp:revision>
  <dcterms:created xsi:type="dcterms:W3CDTF">2020-12-06T07:55:39Z</dcterms:created>
  <dcterms:modified xsi:type="dcterms:W3CDTF">2020-12-07T13:53:5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701b9bfc-c426-492e-a46c-1a922d5fe54b_Enabled">
    <vt:lpwstr>True</vt:lpwstr>
  </property>
  <property fmtid="{D5CDD505-2E9C-101B-9397-08002B2CF9AE}" pid="3" name="MSIP_Label_701b9bfc-c426-492e-a46c-1a922d5fe54b_SiteId">
    <vt:lpwstr>78820852-55fa-450b-908d-45c0d911e76b</vt:lpwstr>
  </property>
  <property fmtid="{D5CDD505-2E9C-101B-9397-08002B2CF9AE}" pid="4" name="MSIP_Label_701b9bfc-c426-492e-a46c-1a922d5fe54b_ActionId">
    <vt:lpwstr>55530fa7-b2b2-4bf5-8a2f-cbd271c30e23</vt:lpwstr>
  </property>
  <property fmtid="{D5CDD505-2E9C-101B-9397-08002B2CF9AE}" pid="5" name="MSIP_Label_701b9bfc-c426-492e-a46c-1a922d5fe54b_Method">
    <vt:lpwstr>Standard</vt:lpwstr>
  </property>
  <property fmtid="{D5CDD505-2E9C-101B-9397-08002B2CF9AE}" pid="6" name="MSIP_Label_701b9bfc-c426-492e-a46c-1a922d5fe54b_SetDate">
    <vt:lpwstr>2020-12-06T07:55:46Z</vt:lpwstr>
  </property>
  <property fmtid="{D5CDD505-2E9C-101B-9397-08002B2CF9AE}" pid="7" name="MSIP_Label_701b9bfc-c426-492e-a46c-1a922d5fe54b_Name">
    <vt:lpwstr>בלמ"ס</vt:lpwstr>
  </property>
  <property fmtid="{D5CDD505-2E9C-101B-9397-08002B2CF9AE}" pid="8" name="MSIP_Label_701b9bfc-c426-492e-a46c-1a922d5fe54b_ContentBits">
    <vt:lpwstr>1</vt:lpwstr>
  </property>
  <property fmtid="{D5CDD505-2E9C-101B-9397-08002B2CF9AE}" pid="9" name="ClassificationContentMarkingHeaderLocations">
    <vt:lpwstr>Crop:8</vt:lpwstr>
  </property>
  <property fmtid="{D5CDD505-2E9C-101B-9397-08002B2CF9AE}" pid="10" name="ClassificationContentMarkingHeaderText">
    <vt:lpwstr>- בלמ"ס -</vt:lpwstr>
  </property>
</Properties>
</file>